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6ADE1BD5-2736-4B97-A432-8AC6139E26E9}"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598" uniqueCount="507">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Each individual item used to create the 'spending time with friends and family' scale is presented individually. 
The questions were measured on a 7-point scale, from 'never' (1) to 'all the time' (7), and included: 
(i) I make time to keep in touch with my friends; and (ii) I spend time doing things with family members who don’t live with 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Measured from 0 (low emotional affect) to 10 (high emotional affect)</t>
  </si>
  <si>
    <t>Australia</t>
  </si>
  <si>
    <t>Regional Australia</t>
  </si>
  <si>
    <t>Urban Australia</t>
  </si>
  <si>
    <t>Victoria</t>
  </si>
  <si>
    <t>Regional Victoria</t>
  </si>
  <si>
    <t>Bass Coast &amp; Baw Baw (LGAs)</t>
  </si>
  <si>
    <t>East Gippsland (LGA)</t>
  </si>
  <si>
    <t>Latrobe (LGA)</t>
  </si>
  <si>
    <t>South Gippsland (LGA)</t>
  </si>
  <si>
    <t>Wellington (LGA)</t>
  </si>
  <si>
    <t>Alpine &amp; Towong (LGAs)</t>
  </si>
  <si>
    <t>Greater Shepparton (LGA)</t>
  </si>
  <si>
    <t>Indigo, Wangaratta &amp; Wodonga (LGAs)</t>
  </si>
  <si>
    <t>Mansfield &amp; Murrundindi (LGAs)</t>
  </si>
  <si>
    <t>Mitchell &amp; Strathbogie (LGAs)</t>
  </si>
  <si>
    <t>Moira (LGA)</t>
  </si>
  <si>
    <t>Gippsland (RDA)</t>
  </si>
  <si>
    <t>Hume (RDA)</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About the region: Eastern Victoria</t>
  </si>
  <si>
    <t>Melbourne East (RDA)</t>
  </si>
  <si>
    <t>Southern Melbourne (RDA)</t>
  </si>
  <si>
    <t>This file provides data from the 2017 Regional Wellbeing Survey for eastern Victoria.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Victoria; (v) regional Victoria; and (vi) the Regional Development Australia (RDA) regions of Gippsland, Hume, and Melbourne (reported as three separate regions: Melbourne East, Northern Melbourne and Western Melbourne, and Southern Melbourne).</t>
  </si>
  <si>
    <t>Northern Melbourne &amp; Western Melbourne (RDAs)</t>
  </si>
  <si>
    <t xml:space="preserve">The Central West region is a Regional Development Australia region located in the eastern part of Victoria. The region includes the local government areas (LGAs) of Bass Coast, Baw Baw, East Gippsland, Latrobe, South Gippsland and Wellington. In total, 581 people who live in this region took part in the 2017 Regional Wellbeing Survey. </t>
  </si>
  <si>
    <t xml:space="preserve">Bass Coast &amp; Baw Baw are LGAs located in the south east of Victoria. In total, 149 people who live in these LGAs took part in the 2017 Regional Wellbeing Survey. </t>
  </si>
  <si>
    <t>East Gippsland is an LGA located in the east of Victoria. In total, 109 people who live in this LGA took part in the 2017 Regional Wellbeing Survey.</t>
  </si>
  <si>
    <t>Latrobe is an LGA located in the south east of Victoria. In total, 122 people who live in this LGA took part in the 2017 Regional Wellbeing Survey.</t>
  </si>
  <si>
    <t xml:space="preserve">The Hume region is a Regional Development Australia region located in the north east of Victoria. The region includes the local government areas (LGAs) of Alpine, Benalla, Greater Shepparton, Indigo, Mansfield, Mitchell, Moira, Murrindindi, Strathbogie, Towong, Wangaratta and Wodonga. In total, 966 people who live in this region took part in the 2017 Regional Wellbeing Survey. </t>
  </si>
  <si>
    <t>South Gippsland is an LGA located in the south east of Victoria. In total, 82 people who live in this LGA took part in the 2017 Regional Wellbeing Survey.</t>
  </si>
  <si>
    <t>Wellington is an LGA located in the south east of Victoria. In total, 123 people who live in this LGA took part in the 2017 Regional Wellbeing Survey.</t>
  </si>
  <si>
    <t xml:space="preserve">Alpine &amp; Towong are LGAs located in the north east of Victoria. In total, 105 people who live in these LGAs took part in the 2017 Regional Wellbeing Survey. </t>
  </si>
  <si>
    <t>Greater Shepparton is an LGA located in the north of Victoria. In total, 198 people who live in this LGA took part in the 2017 Regional Wellbeing Survey.</t>
  </si>
  <si>
    <t xml:space="preserve">Indigo, Wangaratta &amp; Wodonga are LGAs located in the north east of Victoria. In total, 242 people who live in these LGAs took part in the 2017 Regional Wellbeing Survey. </t>
  </si>
  <si>
    <t xml:space="preserve">Mitchell &amp; Strathbogie are LGAs located in the central part of Victoria. In total, 127 people who live in these LGAs took part in the 2017 Regional Wellbeing Survey. </t>
  </si>
  <si>
    <t>Moira is an LGA located in the north of Victoria. In total, 168 people who live in this LGA took part in the 2017 Regional Wellbeing Survey.</t>
  </si>
  <si>
    <t xml:space="preserve">The Melbourne East region is a Regional Development Australia region located in the south of Victoria. The region includes the local government areas (LGAs) of Boroondara, Knox, Mandurah, Manningham, Maroondah, Monash, Whitehorse and Yarra Ranges. Melbourne East was recently amalgamated with Northern, Western and Southern Melbourne RDAs. In total, 130 people who live in this region took part in the 2017 Regional Wellbeing Survey. </t>
  </si>
  <si>
    <t xml:space="preserve">The Southern Melbourne region is a Regional Development Australia region located in the south of Victoria. The region includes the local government areas (LGAs) of Bayside, Cardinia, Casey, Frankston, Glen Eira, Greater Dandenong, Kingston, Mornington Peninsula, Port Phillip and Stonnington. Southern Melbourne was recently amalgamated with Northern, Western and Melbourne East RDAs. In total, 183 people who live in this region took part in the 2017 Regional Wellbeing Survey. </t>
  </si>
  <si>
    <t xml:space="preserve">Mansfield &amp; Murrundindi are LGAs located in the central east part of Victoria. In total, 126 people who live in these LGAs took part in the 2017 Regional Wellbeing Survey. </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Explanatory notes</t>
  </si>
  <si>
    <t xml:space="preserve">You may reproduce the data in this spreadsheet for any purpose, providing you acknowledge the data source. Data should be cited as being sourced from the 2017 Regional Wellbeing Survey, Eastern Victoria data tables, Version 1.01 August 2018. </t>
  </si>
  <si>
    <t>Victoria includes all of Victoria including the large metropolitan areas of Melbourne and surrounding suburban areas. In total, 3951 people from Victoria took part in the 2017 Regional Wellbeing Survey, although not all these people answered every question on the survey.</t>
  </si>
  <si>
    <t>Regional Victoria includes all of Victoria except the large metropolitan areas of Melbourne and Geelong, and surrounding suburban areas. In total, 3312 people who live in regional Victoria took part in the 2017 Regional Wellbeing Survey, although not all these people answered every question on the survey. A total of 639 living in urban areas are excluded when reporting for regional Victoria in these data tables.</t>
  </si>
  <si>
    <t xml:space="preserve">The Northern Melbourne &amp; Western Melbourne regions are Regional Development Australia regions located in the south of Victoria. The regions include the local government areas (LGAs) of Banyule, Brimbank, Darebin, Hobsons Bay, Hume, Maribyrnong, Melbourne, Melton, Moonee Valley, Moreland, Nillumbik, Whittlesea, Wyndham and Yarra. Northern Melbourne and Western Melbourn were recently amalgamated with Melbourne East and Southern Melbourne RDAs. In total, 195 people who live in this region took part in the 2017 Regional Wellbeing Survey. </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7">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1" fillId="0" borderId="0"/>
    <xf numFmtId="0" fontId="31" fillId="0" borderId="0"/>
  </cellStyleXfs>
  <cellXfs count="390">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5" applyNumberFormat="1" applyFont="1" applyFill="1" applyBorder="1" applyAlignment="1">
      <alignment horizontal="left" vertical="center"/>
    </xf>
    <xf numFmtId="164" fontId="20" fillId="0" borderId="1" xfId="35" applyNumberFormat="1" applyFont="1" applyFill="1" applyBorder="1" applyAlignment="1">
      <alignment horizontal="left" vertical="center"/>
    </xf>
    <xf numFmtId="165" fontId="20" fillId="4" borderId="1" xfId="35"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5" fillId="3" borderId="0" xfId="0" applyFont="1" applyFill="1" applyBorder="1" applyAlignment="1">
      <alignmen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Alignment="1">
      <alignment vertical="center" wrapText="1"/>
    </xf>
    <xf numFmtId="0" fontId="5" fillId="2" borderId="0" xfId="0" applyFont="1" applyFill="1" applyAlignment="1">
      <alignment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2" xfId="28"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5" fillId="0" borderId="0" xfId="28" applyFont="1" applyFill="1" applyBorder="1" applyAlignment="1">
      <alignment horizontal="left" vertical="top" wrapText="1"/>
    </xf>
    <xf numFmtId="0" fontId="15" fillId="0" borderId="0" xfId="28" quotePrefix="1" applyFont="1" applyFill="1" applyBorder="1" applyAlignment="1">
      <alignment horizontal="lef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3"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1" xfId="0" applyFont="1" applyFill="1" applyBorder="1" applyAlignment="1">
      <alignment horizontal="left" vertical="top"/>
    </xf>
    <xf numFmtId="0" fontId="15" fillId="0" borderId="0" xfId="5"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5" fillId="0" borderId="0" xfId="7"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2" xfId="4" quotePrefix="1" applyFont="1" applyFill="1" applyBorder="1" applyAlignment="1">
      <alignmen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vertical="top" wrapText="1"/>
    </xf>
    <xf numFmtId="0" fontId="15" fillId="0" borderId="2" xfId="3" quotePrefix="1" applyFont="1" applyFill="1" applyBorder="1" applyAlignment="1">
      <alignment horizontal="left" vertical="top" wrapText="1"/>
    </xf>
  </cellXfs>
  <cellStyles count="37">
    <cellStyle name="Hyperlink" xfId="1" builtinId="8"/>
    <cellStyle name="Normal" xfId="0" builtinId="0"/>
    <cellStyle name="Normal 2" xfId="36"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Volunteering" xfId="35"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4" name="Picture 3">
          <a:extLst>
            <a:ext uri="{FF2B5EF4-FFF2-40B4-BE49-F238E27FC236}">
              <a16:creationId xmlns:a16="http://schemas.microsoft.com/office/drawing/2014/main" id="{45EB00E5-8107-4519-97E2-D4CA80CA939D}"/>
            </a:ext>
          </a:extLst>
        </xdr:cNvPr>
        <xdr:cNvPicPr>
          <a:picLocks noChangeAspect="1"/>
        </xdr:cNvPicPr>
      </xdr:nvPicPr>
      <xdr:blipFill>
        <a:blip xmlns:r="http://schemas.openxmlformats.org/officeDocument/2006/relationships" r:embed="rId1"/>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Q1" sqref="Q1"/>
    </sheetView>
  </sheetViews>
  <sheetFormatPr defaultColWidth="8.85546875" defaultRowHeight="15"/>
  <cols>
    <col min="1" max="16384" width="8.85546875" style="2"/>
  </cols>
  <sheetData>
    <row r="1" spans="11:19" ht="23.25">
      <c r="Q1" s="227"/>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202"/>
  <sheetViews>
    <sheetView zoomScaleNormal="100" workbookViewId="0">
      <selection activeCell="A120" sqref="A120:L120"/>
    </sheetView>
  </sheetViews>
  <sheetFormatPr defaultColWidth="18.5703125" defaultRowHeight="15"/>
  <cols>
    <col min="1" max="1" width="42.85546875" customWidth="1"/>
  </cols>
  <sheetData>
    <row r="1" spans="1:4" ht="31.5">
      <c r="A1" s="33" t="s">
        <v>45</v>
      </c>
    </row>
    <row r="3" spans="1:4" ht="18.75">
      <c r="A3" s="321" t="s">
        <v>12</v>
      </c>
      <c r="B3" s="321"/>
      <c r="C3" s="321"/>
      <c r="D3" s="321"/>
    </row>
    <row r="4" spans="1:4" ht="87" customHeight="1">
      <c r="A4" s="383" t="s">
        <v>493</v>
      </c>
      <c r="B4" s="383"/>
      <c r="C4" s="383"/>
      <c r="D4" s="383"/>
    </row>
    <row r="5" spans="1:4" ht="42" customHeight="1">
      <c r="A5" s="371" t="s">
        <v>148</v>
      </c>
      <c r="B5" s="371"/>
      <c r="C5" s="371"/>
      <c r="D5" s="371"/>
    </row>
    <row r="6" spans="1:4" ht="36.75" customHeight="1">
      <c r="A6" s="37" t="s">
        <v>85</v>
      </c>
      <c r="B6" s="38" t="s">
        <v>86</v>
      </c>
      <c r="C6" s="39" t="s">
        <v>87</v>
      </c>
      <c r="D6" s="40" t="s">
        <v>88</v>
      </c>
    </row>
    <row r="7" spans="1:4" ht="75.75" customHeight="1">
      <c r="A7" s="41"/>
      <c r="B7" s="42" t="s">
        <v>89</v>
      </c>
      <c r="C7" s="128" t="s">
        <v>149</v>
      </c>
      <c r="D7" s="44" t="s">
        <v>91</v>
      </c>
    </row>
    <row r="8" spans="1:4">
      <c r="A8" s="45" t="s">
        <v>436</v>
      </c>
      <c r="B8" s="170">
        <v>8622</v>
      </c>
      <c r="C8" s="84">
        <v>4.4000000000000004</v>
      </c>
      <c r="D8" s="85">
        <v>1.9599999999999999E-2</v>
      </c>
    </row>
    <row r="9" spans="1:4">
      <c r="A9" s="49" t="s">
        <v>437</v>
      </c>
      <c r="B9" s="49">
        <v>7978</v>
      </c>
      <c r="C9" s="172">
        <v>4.3280430000000001</v>
      </c>
      <c r="D9" s="132">
        <v>5.7529919999999998E-2</v>
      </c>
    </row>
    <row r="10" spans="1:4">
      <c r="A10" s="45" t="s">
        <v>438</v>
      </c>
      <c r="B10" s="53">
        <v>777</v>
      </c>
      <c r="C10" s="84">
        <v>4.37</v>
      </c>
      <c r="D10" s="85">
        <v>9.8000000000000004E-2</v>
      </c>
    </row>
    <row r="11" spans="1:4">
      <c r="A11" s="49" t="s">
        <v>439</v>
      </c>
      <c r="B11" s="49">
        <v>3274</v>
      </c>
      <c r="C11" s="172">
        <v>4.55</v>
      </c>
      <c r="D11" s="132">
        <v>3.9199999999999999E-2</v>
      </c>
    </row>
    <row r="12" spans="1:4">
      <c r="A12" s="45" t="s">
        <v>440</v>
      </c>
      <c r="B12" s="53">
        <v>3039</v>
      </c>
      <c r="C12" s="84">
        <v>4.53</v>
      </c>
      <c r="D12" s="85">
        <v>3.9199999999999999E-2</v>
      </c>
    </row>
    <row r="13" spans="1:4">
      <c r="A13" s="49" t="s">
        <v>452</v>
      </c>
      <c r="B13" s="49">
        <v>524</v>
      </c>
      <c r="C13" s="172">
        <v>4.53</v>
      </c>
      <c r="D13" s="132">
        <v>0.1176</v>
      </c>
    </row>
    <row r="14" spans="1:4">
      <c r="A14" s="45" t="s">
        <v>441</v>
      </c>
      <c r="B14" s="53">
        <v>138</v>
      </c>
      <c r="C14" s="84">
        <v>4.53</v>
      </c>
      <c r="D14" s="85">
        <v>0.21559999999999999</v>
      </c>
    </row>
    <row r="15" spans="1:4">
      <c r="A15" s="49" t="s">
        <v>442</v>
      </c>
      <c r="B15" s="49">
        <v>92</v>
      </c>
      <c r="C15" s="172">
        <v>4.45</v>
      </c>
      <c r="D15" s="132">
        <v>0.27440000000000003</v>
      </c>
    </row>
    <row r="16" spans="1:4">
      <c r="A16" s="45" t="s">
        <v>443</v>
      </c>
      <c r="B16" s="53">
        <v>107</v>
      </c>
      <c r="C16" s="84">
        <v>4.62</v>
      </c>
      <c r="D16" s="85">
        <v>0.23519999999999999</v>
      </c>
    </row>
    <row r="17" spans="1:25">
      <c r="A17" s="49" t="s">
        <v>444</v>
      </c>
      <c r="B17" s="49">
        <v>77</v>
      </c>
      <c r="C17" s="172">
        <v>4.8499999999999996</v>
      </c>
      <c r="D17" s="132">
        <v>0.27440000000000003</v>
      </c>
    </row>
    <row r="18" spans="1:25">
      <c r="A18" s="45" t="s">
        <v>445</v>
      </c>
      <c r="B18" s="170">
        <v>110</v>
      </c>
      <c r="C18" s="84">
        <v>4.2300000000000004</v>
      </c>
      <c r="D18" s="85">
        <v>0.27440000000000003</v>
      </c>
    </row>
    <row r="19" spans="1:25">
      <c r="A19" s="49" t="s">
        <v>453</v>
      </c>
      <c r="B19" s="171">
        <v>878</v>
      </c>
      <c r="C19" s="172">
        <v>4.6399999999999997</v>
      </c>
      <c r="D19" s="132">
        <v>7.8399999999999997E-2</v>
      </c>
    </row>
    <row r="20" spans="1:25">
      <c r="A20" s="45" t="s">
        <v>446</v>
      </c>
      <c r="B20" s="83">
        <v>102</v>
      </c>
      <c r="C20" s="84">
        <v>4.37</v>
      </c>
      <c r="D20" s="85">
        <v>0.25480000000000003</v>
      </c>
      <c r="P20" s="250"/>
      <c r="Q20" s="250"/>
      <c r="R20" s="250"/>
      <c r="S20" s="250"/>
      <c r="T20" s="250"/>
      <c r="U20" s="250"/>
      <c r="V20" s="250"/>
      <c r="W20" s="250"/>
      <c r="X20" s="250"/>
      <c r="Y20" s="250"/>
    </row>
    <row r="21" spans="1:25">
      <c r="A21" s="49" t="s">
        <v>447</v>
      </c>
      <c r="B21" s="171">
        <v>176</v>
      </c>
      <c r="C21" s="172">
        <v>4.6900000000000004</v>
      </c>
      <c r="D21" s="132">
        <v>0.1764</v>
      </c>
      <c r="P21" s="250"/>
      <c r="Q21" s="250"/>
      <c r="R21" s="250"/>
      <c r="S21" s="250"/>
      <c r="T21" s="250"/>
      <c r="U21" s="250"/>
      <c r="V21" s="250"/>
      <c r="W21" s="250"/>
      <c r="X21" s="250"/>
      <c r="Y21" s="250"/>
    </row>
    <row r="22" spans="1:25">
      <c r="A22" s="57" t="s">
        <v>448</v>
      </c>
      <c r="B22" s="170">
        <v>222</v>
      </c>
      <c r="C22" s="84">
        <v>4.8</v>
      </c>
      <c r="D22" s="85">
        <v>0.1764</v>
      </c>
      <c r="P22" s="250"/>
      <c r="Q22" s="250"/>
      <c r="R22" s="250"/>
      <c r="S22" s="250"/>
      <c r="T22" s="250"/>
      <c r="U22" s="250"/>
      <c r="V22" s="250"/>
      <c r="W22" s="250"/>
      <c r="X22" s="250"/>
      <c r="Y22" s="250"/>
    </row>
    <row r="23" spans="1:25">
      <c r="A23" s="49" t="s">
        <v>449</v>
      </c>
      <c r="B23" s="171">
        <v>112</v>
      </c>
      <c r="C23" s="172">
        <v>4.1500000000000004</v>
      </c>
      <c r="D23" s="132">
        <v>0.25480000000000003</v>
      </c>
      <c r="P23" s="250"/>
      <c r="Q23" s="250"/>
      <c r="R23" s="250"/>
      <c r="S23" s="250"/>
      <c r="T23" s="250"/>
      <c r="U23" s="250"/>
      <c r="V23" s="250"/>
      <c r="W23" s="250"/>
      <c r="X23" s="250"/>
      <c r="Y23" s="250"/>
    </row>
    <row r="24" spans="1:25">
      <c r="A24" s="57" t="s">
        <v>450</v>
      </c>
      <c r="B24" s="170">
        <v>114</v>
      </c>
      <c r="C24" s="84">
        <v>4.71</v>
      </c>
      <c r="D24" s="85">
        <v>0.25480000000000003</v>
      </c>
      <c r="P24" s="250"/>
      <c r="Q24" s="250"/>
      <c r="R24" s="250"/>
      <c r="S24" s="250"/>
      <c r="T24" s="250"/>
      <c r="U24" s="250"/>
      <c r="V24" s="250"/>
      <c r="W24" s="250"/>
      <c r="X24" s="250"/>
      <c r="Y24" s="250"/>
    </row>
    <row r="25" spans="1:25">
      <c r="A25" s="49" t="s">
        <v>451</v>
      </c>
      <c r="B25" s="171">
        <v>152</v>
      </c>
      <c r="C25" s="172">
        <v>4.68</v>
      </c>
      <c r="D25" s="132">
        <v>0.21559999999999999</v>
      </c>
      <c r="P25" s="250"/>
      <c r="Q25" s="250"/>
      <c r="R25" s="250"/>
      <c r="S25" s="250"/>
      <c r="T25" s="250"/>
      <c r="U25" s="250"/>
      <c r="V25" s="250"/>
      <c r="W25" s="250"/>
      <c r="X25" s="250"/>
      <c r="Y25" s="250"/>
    </row>
    <row r="26" spans="1:25">
      <c r="A26" s="57" t="s">
        <v>457</v>
      </c>
      <c r="B26" s="170">
        <v>57</v>
      </c>
      <c r="C26" s="84">
        <v>4.5</v>
      </c>
      <c r="D26" s="85">
        <v>0.29399999999999998</v>
      </c>
      <c r="P26" s="250"/>
      <c r="Q26" s="250"/>
      <c r="R26" s="250"/>
      <c r="S26" s="250"/>
      <c r="T26" s="250"/>
      <c r="U26" s="250"/>
      <c r="V26" s="250"/>
      <c r="W26" s="250"/>
      <c r="X26" s="250"/>
      <c r="Y26" s="250"/>
    </row>
    <row r="27" spans="1:25">
      <c r="A27" s="49" t="s">
        <v>460</v>
      </c>
      <c r="B27" s="171">
        <v>54</v>
      </c>
      <c r="C27" s="172">
        <v>4.38</v>
      </c>
      <c r="D27" s="132">
        <v>0.3528</v>
      </c>
      <c r="P27" s="250"/>
      <c r="Q27" s="250"/>
      <c r="R27" s="250"/>
      <c r="S27" s="250"/>
      <c r="T27" s="250"/>
      <c r="U27" s="250"/>
      <c r="V27" s="250"/>
      <c r="W27" s="250"/>
      <c r="X27" s="250"/>
      <c r="Y27" s="250"/>
    </row>
    <row r="28" spans="1:25">
      <c r="A28" s="57" t="s">
        <v>458</v>
      </c>
      <c r="B28" s="170">
        <v>74</v>
      </c>
      <c r="C28" s="84">
        <v>4.8</v>
      </c>
      <c r="D28" s="85">
        <v>0.31359999999999999</v>
      </c>
      <c r="P28" s="250"/>
      <c r="Q28" s="250"/>
      <c r="R28" s="250"/>
      <c r="S28" s="250"/>
      <c r="T28" s="250"/>
      <c r="U28" s="250"/>
      <c r="V28" s="250"/>
      <c r="W28" s="250"/>
      <c r="X28" s="250"/>
      <c r="Y28" s="250"/>
    </row>
    <row r="31" spans="1:25">
      <c r="P31" s="250"/>
      <c r="Q31" s="250"/>
      <c r="R31" s="250"/>
      <c r="S31" s="250"/>
      <c r="T31" s="250"/>
      <c r="U31" s="250"/>
      <c r="V31" s="250"/>
      <c r="W31" s="250"/>
      <c r="X31" s="250"/>
      <c r="Y31" s="250"/>
    </row>
    <row r="32" spans="1:25" ht="18.75">
      <c r="A32" s="322" t="s">
        <v>46</v>
      </c>
      <c r="B32" s="322"/>
      <c r="C32" s="322"/>
      <c r="D32" s="322"/>
      <c r="E32" s="322"/>
      <c r="F32" s="322"/>
      <c r="G32" s="322"/>
      <c r="H32" s="322"/>
      <c r="I32" s="322"/>
      <c r="J32" s="322"/>
      <c r="K32" s="322"/>
      <c r="L32" s="322"/>
      <c r="M32" s="322"/>
      <c r="N32" s="322"/>
      <c r="O32" s="322"/>
      <c r="P32" s="228"/>
      <c r="Q32" s="228"/>
      <c r="R32" s="228"/>
      <c r="S32" s="228"/>
      <c r="T32" s="228"/>
      <c r="U32" s="228"/>
      <c r="V32" s="228"/>
      <c r="W32" s="250"/>
      <c r="X32" s="250"/>
      <c r="Y32" s="250"/>
    </row>
    <row r="33" spans="1:25" ht="66" customHeight="1">
      <c r="A33" s="384" t="s">
        <v>314</v>
      </c>
      <c r="B33" s="384"/>
      <c r="C33" s="384"/>
      <c r="D33" s="384"/>
      <c r="E33" s="384"/>
      <c r="F33" s="384"/>
      <c r="G33" s="384"/>
      <c r="H33" s="384"/>
      <c r="I33" s="384"/>
      <c r="J33" s="384"/>
      <c r="K33" s="384"/>
      <c r="L33" s="384"/>
      <c r="M33" s="384"/>
      <c r="N33" s="384"/>
      <c r="O33" s="384"/>
      <c r="P33" s="254"/>
      <c r="Q33" s="254"/>
      <c r="R33" s="254"/>
      <c r="S33" s="254"/>
      <c r="T33" s="254"/>
      <c r="U33" s="254"/>
      <c r="V33" s="254"/>
      <c r="W33" s="250"/>
      <c r="X33" s="250"/>
      <c r="Y33" s="250"/>
    </row>
    <row r="34" spans="1:25" ht="37.5" customHeight="1">
      <c r="A34" s="64"/>
      <c r="B34" s="360" t="s">
        <v>326</v>
      </c>
      <c r="C34" s="360"/>
      <c r="D34" s="360"/>
      <c r="E34" s="360"/>
      <c r="F34" s="360"/>
      <c r="G34" s="360"/>
      <c r="H34" s="360"/>
      <c r="I34" s="360" t="s">
        <v>327</v>
      </c>
      <c r="J34" s="360"/>
      <c r="K34" s="360"/>
      <c r="L34" s="360"/>
      <c r="M34" s="360"/>
      <c r="N34" s="360"/>
      <c r="O34" s="360"/>
      <c r="P34" s="250"/>
      <c r="Q34" s="250"/>
      <c r="R34" s="250"/>
      <c r="S34" s="250"/>
      <c r="T34" s="250"/>
      <c r="U34" s="250"/>
      <c r="V34" s="250"/>
      <c r="W34" s="250"/>
      <c r="X34" s="250"/>
      <c r="Y34" s="250"/>
    </row>
    <row r="35" spans="1:25" ht="37.5" customHeight="1">
      <c r="A35" s="37" t="s">
        <v>85</v>
      </c>
      <c r="B35" s="38" t="s">
        <v>86</v>
      </c>
      <c r="C35" s="38" t="s">
        <v>150</v>
      </c>
      <c r="D35" s="89" t="s">
        <v>394</v>
      </c>
      <c r="E35" s="38" t="s">
        <v>151</v>
      </c>
      <c r="F35" s="89" t="s">
        <v>395</v>
      </c>
      <c r="G35" s="38" t="s">
        <v>152</v>
      </c>
      <c r="H35" s="89" t="s">
        <v>396</v>
      </c>
      <c r="I35" s="38" t="s">
        <v>86</v>
      </c>
      <c r="J35" s="38" t="s">
        <v>150</v>
      </c>
      <c r="K35" s="89" t="s">
        <v>394</v>
      </c>
      <c r="L35" s="38" t="s">
        <v>151</v>
      </c>
      <c r="M35" s="89" t="s">
        <v>395</v>
      </c>
      <c r="N35" s="38" t="s">
        <v>152</v>
      </c>
      <c r="O35" s="89" t="s">
        <v>396</v>
      </c>
    </row>
    <row r="36" spans="1:25" ht="71.25" customHeight="1">
      <c r="A36" s="41"/>
      <c r="B36" s="42" t="s">
        <v>89</v>
      </c>
      <c r="C36" s="42" t="s">
        <v>181</v>
      </c>
      <c r="D36" s="91" t="s">
        <v>104</v>
      </c>
      <c r="E36" s="42" t="s">
        <v>182</v>
      </c>
      <c r="F36" s="91" t="s">
        <v>104</v>
      </c>
      <c r="G36" s="42" t="s">
        <v>183</v>
      </c>
      <c r="H36" s="91" t="s">
        <v>104</v>
      </c>
      <c r="I36" s="42" t="s">
        <v>89</v>
      </c>
      <c r="J36" s="42" t="s">
        <v>181</v>
      </c>
      <c r="K36" s="91" t="s">
        <v>104</v>
      </c>
      <c r="L36" s="42" t="s">
        <v>182</v>
      </c>
      <c r="M36" s="91" t="s">
        <v>104</v>
      </c>
      <c r="N36" s="42" t="s">
        <v>183</v>
      </c>
      <c r="O36" s="91" t="s">
        <v>104</v>
      </c>
    </row>
    <row r="37" spans="1:25">
      <c r="A37" s="45" t="s">
        <v>436</v>
      </c>
      <c r="B37" s="170">
        <v>8604</v>
      </c>
      <c r="C37" s="173">
        <v>0.193</v>
      </c>
      <c r="D37" s="94">
        <v>8.509741074131473E-3</v>
      </c>
      <c r="E37" s="173">
        <v>0.17899999999999999</v>
      </c>
      <c r="F37" s="94">
        <v>8.2664374032983337E-3</v>
      </c>
      <c r="G37" s="173">
        <v>0.628</v>
      </c>
      <c r="H37" s="94">
        <v>1.0419438315405576E-2</v>
      </c>
      <c r="I37" s="170">
        <v>8598</v>
      </c>
      <c r="J37" s="173">
        <v>0.39400000000000002</v>
      </c>
      <c r="K37" s="94">
        <v>1.0537175191888152E-2</v>
      </c>
      <c r="L37" s="173">
        <v>0.16600000000000001</v>
      </c>
      <c r="M37" s="94">
        <v>8.026569595508945E-3</v>
      </c>
      <c r="N37" s="173">
        <v>0.44</v>
      </c>
      <c r="O37" s="94">
        <v>1.0704184304635267E-2</v>
      </c>
    </row>
    <row r="38" spans="1:25">
      <c r="A38" s="49" t="s">
        <v>437</v>
      </c>
      <c r="B38" s="171">
        <v>8001</v>
      </c>
      <c r="C38" s="174">
        <v>0.20130000000000001</v>
      </c>
      <c r="D38" s="97">
        <v>8.9656838647354277E-3</v>
      </c>
      <c r="E38" s="174">
        <v>0.1928</v>
      </c>
      <c r="F38" s="97">
        <v>8.8211445853471886E-3</v>
      </c>
      <c r="G38" s="174">
        <v>0.60580000000000001</v>
      </c>
      <c r="H38" s="97">
        <v>1.0924018860253666E-2</v>
      </c>
      <c r="I38" s="171">
        <v>7995</v>
      </c>
      <c r="J38" s="174">
        <v>0.41249999999999998</v>
      </c>
      <c r="K38" s="97">
        <v>1.1008671650237495E-2</v>
      </c>
      <c r="L38" s="174">
        <v>0.16800000000000001</v>
      </c>
      <c r="M38" s="97">
        <v>8.3637222030356964E-3</v>
      </c>
      <c r="N38" s="174">
        <v>0.41949999999999998</v>
      </c>
      <c r="O38" s="97">
        <v>1.1035322243231458E-2</v>
      </c>
    </row>
    <row r="39" spans="1:25">
      <c r="A39" s="45" t="s">
        <v>438</v>
      </c>
      <c r="B39" s="170">
        <v>776</v>
      </c>
      <c r="C39" s="173">
        <v>0.2273</v>
      </c>
      <c r="D39" s="94">
        <v>3.0076438962391702E-2</v>
      </c>
      <c r="E39" s="173">
        <v>0.1668</v>
      </c>
      <c r="F39" s="94">
        <v>2.6805427112567452E-2</v>
      </c>
      <c r="G39" s="173">
        <v>0.60589999999999999</v>
      </c>
      <c r="H39" s="94">
        <v>3.5001825502559245E-2</v>
      </c>
      <c r="I39" s="170">
        <v>777</v>
      </c>
      <c r="J39" s="173">
        <v>0.38059999999999999</v>
      </c>
      <c r="K39" s="94">
        <v>3.4758305625612732E-2</v>
      </c>
      <c r="L39" s="173">
        <v>0.1651</v>
      </c>
      <c r="M39" s="94">
        <v>2.6680440559231369E-2</v>
      </c>
      <c r="N39" s="173">
        <v>0.45440000000000003</v>
      </c>
      <c r="O39" s="94">
        <v>3.5635218657947734E-2</v>
      </c>
    </row>
    <row r="40" spans="1:25">
      <c r="A40" s="49" t="s">
        <v>439</v>
      </c>
      <c r="B40" s="171">
        <v>3269</v>
      </c>
      <c r="C40" s="174">
        <v>0.187</v>
      </c>
      <c r="D40" s="97">
        <v>1.3641578105975173E-2</v>
      </c>
      <c r="E40" s="174">
        <v>0.16800000000000001</v>
      </c>
      <c r="F40" s="97">
        <v>1.3082513260503841E-2</v>
      </c>
      <c r="G40" s="174">
        <v>0.64500000000000002</v>
      </c>
      <c r="H40" s="97">
        <v>1.6730145855174412E-2</v>
      </c>
      <c r="I40" s="171">
        <v>3259</v>
      </c>
      <c r="J40" s="174">
        <v>0.33100000000000002</v>
      </c>
      <c r="K40" s="97">
        <v>1.6478479208548807E-2</v>
      </c>
      <c r="L40" s="174">
        <v>0.16900000000000001</v>
      </c>
      <c r="M40" s="97">
        <v>1.3133485661551793E-2</v>
      </c>
      <c r="N40" s="174">
        <v>0.5</v>
      </c>
      <c r="O40" s="97">
        <v>1.750618296273089E-2</v>
      </c>
    </row>
    <row r="41" spans="1:25">
      <c r="A41" s="45" t="s">
        <v>440</v>
      </c>
      <c r="B41" s="170">
        <v>3034</v>
      </c>
      <c r="C41" s="173">
        <v>0.191</v>
      </c>
      <c r="D41" s="94">
        <v>1.4275123524970339E-2</v>
      </c>
      <c r="E41" s="173">
        <v>0.17100000000000001</v>
      </c>
      <c r="F41" s="94">
        <v>1.3675629304861684E-2</v>
      </c>
      <c r="G41" s="173">
        <v>0.63700000000000001</v>
      </c>
      <c r="H41" s="94">
        <v>1.7450405303937811E-2</v>
      </c>
      <c r="I41" s="170">
        <v>3025</v>
      </c>
      <c r="J41" s="173">
        <v>0.34</v>
      </c>
      <c r="K41" s="94">
        <v>1.7216987336003072E-2</v>
      </c>
      <c r="L41" s="173">
        <v>0.16200000000000001</v>
      </c>
      <c r="M41" s="94">
        <v>1.3404223410923916E-2</v>
      </c>
      <c r="N41" s="173">
        <v>0.498</v>
      </c>
      <c r="O41" s="94">
        <v>1.816966407817865E-2</v>
      </c>
    </row>
    <row r="42" spans="1:25">
      <c r="A42" s="49" t="s">
        <v>452</v>
      </c>
      <c r="B42" s="171">
        <v>523</v>
      </c>
      <c r="C42" s="174">
        <v>0.17</v>
      </c>
      <c r="D42" s="97">
        <v>3.2916069126506672E-2</v>
      </c>
      <c r="E42" s="174">
        <v>0.156</v>
      </c>
      <c r="F42" s="97">
        <v>3.1826564461670676E-2</v>
      </c>
      <c r="G42" s="174">
        <v>0.67400000000000004</v>
      </c>
      <c r="H42" s="97">
        <v>4.0880429478863146E-2</v>
      </c>
      <c r="I42" s="171">
        <v>522</v>
      </c>
      <c r="J42" s="174">
        <v>0.34799999999999998</v>
      </c>
      <c r="K42" s="97">
        <v>4.1570505003844155E-2</v>
      </c>
      <c r="L42" s="174">
        <v>0.17199999999999999</v>
      </c>
      <c r="M42" s="97">
        <v>3.3096935292822732E-2</v>
      </c>
      <c r="N42" s="174">
        <v>0.48</v>
      </c>
      <c r="O42" s="97">
        <v>4.3567705320664889E-2</v>
      </c>
    </row>
    <row r="43" spans="1:25">
      <c r="A43" s="45" t="s">
        <v>441</v>
      </c>
      <c r="B43" s="170">
        <v>138</v>
      </c>
      <c r="C43" s="173">
        <v>0.16800000000000001</v>
      </c>
      <c r="D43" s="94">
        <v>6.4107818688935295E-2</v>
      </c>
      <c r="E43" s="173">
        <v>0.14199999999999999</v>
      </c>
      <c r="F43" s="94">
        <v>6.027047247527989E-2</v>
      </c>
      <c r="G43" s="173">
        <v>0.69</v>
      </c>
      <c r="H43" s="94">
        <v>7.79861233063978E-2</v>
      </c>
      <c r="I43" s="170">
        <v>138</v>
      </c>
      <c r="J43" s="173">
        <v>0.38300000000000001</v>
      </c>
      <c r="K43" s="94">
        <v>8.1719435710700908E-2</v>
      </c>
      <c r="L43" s="173">
        <v>0.182</v>
      </c>
      <c r="M43" s="94">
        <v>6.5969025070047052E-2</v>
      </c>
      <c r="N43" s="173">
        <v>0.435</v>
      </c>
      <c r="O43" s="94">
        <v>8.3245720722329247E-2</v>
      </c>
    </row>
    <row r="44" spans="1:25">
      <c r="A44" s="49" t="s">
        <v>442</v>
      </c>
      <c r="B44" s="171">
        <v>92</v>
      </c>
      <c r="C44" s="174">
        <v>0.151</v>
      </c>
      <c r="D44" s="97">
        <v>7.5866555890339693E-2</v>
      </c>
      <c r="E44" s="174">
        <v>0.23200000000000001</v>
      </c>
      <c r="F44" s="97">
        <v>8.7568220759799822E-2</v>
      </c>
      <c r="G44" s="174">
        <v>0.61799999999999999</v>
      </c>
      <c r="H44" s="97">
        <v>9.9417503430864362E-2</v>
      </c>
      <c r="I44" s="171">
        <v>92</v>
      </c>
      <c r="J44" s="174">
        <v>0.436</v>
      </c>
      <c r="K44" s="97">
        <v>0.10129129244868941</v>
      </c>
      <c r="L44" s="174">
        <v>9.2999999999999999E-2</v>
      </c>
      <c r="M44" s="97">
        <v>6.3857751508035715E-2</v>
      </c>
      <c r="N44" s="174">
        <v>0.47099999999999997</v>
      </c>
      <c r="O44" s="97">
        <v>0.10190428991294742</v>
      </c>
    </row>
    <row r="45" spans="1:25">
      <c r="A45" s="45" t="s">
        <v>443</v>
      </c>
      <c r="B45" s="170">
        <v>107</v>
      </c>
      <c r="C45" s="173">
        <v>0.13700000000000001</v>
      </c>
      <c r="D45" s="94">
        <v>6.7798522448651949E-2</v>
      </c>
      <c r="E45" s="173">
        <v>0.122</v>
      </c>
      <c r="F45" s="94">
        <v>6.4995744107475564E-2</v>
      </c>
      <c r="G45" s="173">
        <v>0.74099999999999999</v>
      </c>
      <c r="H45" s="94">
        <v>8.4048376089257568E-2</v>
      </c>
      <c r="I45" s="170">
        <v>106</v>
      </c>
      <c r="J45" s="173">
        <v>0.307</v>
      </c>
      <c r="K45" s="94">
        <v>8.8504907579551276E-2</v>
      </c>
      <c r="L45" s="173">
        <v>0.217</v>
      </c>
      <c r="M45" s="94">
        <v>7.9915808365722013E-2</v>
      </c>
      <c r="N45" s="173">
        <v>0.47599999999999998</v>
      </c>
      <c r="O45" s="94">
        <v>9.524420846266686E-2</v>
      </c>
    </row>
    <row r="46" spans="1:25">
      <c r="A46" s="49" t="s">
        <v>444</v>
      </c>
      <c r="B46" s="171">
        <v>77</v>
      </c>
      <c r="C46" s="174">
        <v>0.11799999999999999</v>
      </c>
      <c r="D46" s="97">
        <v>7.6378650292464628E-2</v>
      </c>
      <c r="E46" s="174">
        <v>0.151</v>
      </c>
      <c r="F46" s="97">
        <v>8.312765672036139E-2</v>
      </c>
      <c r="G46" s="174">
        <v>0.73</v>
      </c>
      <c r="H46" s="97">
        <v>9.9924832646415204E-2</v>
      </c>
      <c r="I46" s="171">
        <v>77</v>
      </c>
      <c r="J46" s="174">
        <v>0.20599999999999999</v>
      </c>
      <c r="K46" s="97">
        <v>9.2132513666535687E-2</v>
      </c>
      <c r="L46" s="174">
        <v>0.128</v>
      </c>
      <c r="M46" s="97">
        <v>7.8550474469655171E-2</v>
      </c>
      <c r="N46" s="174">
        <v>0.66600000000000004</v>
      </c>
      <c r="O46" s="97">
        <v>0.10543229779813569</v>
      </c>
    </row>
    <row r="47" spans="1:25">
      <c r="A47" s="45" t="s">
        <v>445</v>
      </c>
      <c r="B47" s="170">
        <v>109</v>
      </c>
      <c r="C47" s="173">
        <v>0.29699999999999999</v>
      </c>
      <c r="D47" s="94">
        <v>8.6557938040960611E-2</v>
      </c>
      <c r="E47" s="173">
        <v>0.151</v>
      </c>
      <c r="F47" s="94">
        <v>6.9554704711586576E-2</v>
      </c>
      <c r="G47" s="173">
        <v>0.55200000000000005</v>
      </c>
      <c r="H47" s="94">
        <v>9.3597527654835061E-2</v>
      </c>
      <c r="I47" s="170">
        <v>109</v>
      </c>
      <c r="J47" s="173">
        <v>0.379</v>
      </c>
      <c r="K47" s="94">
        <v>9.1473132627318793E-2</v>
      </c>
      <c r="L47" s="173">
        <v>0.20399999999999999</v>
      </c>
      <c r="M47" s="94">
        <v>7.7225589955471602E-2</v>
      </c>
      <c r="N47" s="173">
        <v>0.41699999999999998</v>
      </c>
      <c r="O47" s="94">
        <v>9.285826761255854E-2</v>
      </c>
    </row>
    <row r="48" spans="1:25">
      <c r="A48" s="49" t="s">
        <v>453</v>
      </c>
      <c r="B48" s="171">
        <v>877</v>
      </c>
      <c r="C48" s="174">
        <v>0.183</v>
      </c>
      <c r="D48" s="97">
        <v>2.6133458918105461E-2</v>
      </c>
      <c r="E48" s="174">
        <v>0.156</v>
      </c>
      <c r="F48" s="97">
        <v>2.4549158106662416E-2</v>
      </c>
      <c r="G48" s="174">
        <v>0.66100000000000003</v>
      </c>
      <c r="H48" s="97">
        <v>3.191317987022585E-2</v>
      </c>
      <c r="I48" s="171">
        <v>873</v>
      </c>
      <c r="J48" s="174">
        <v>0.33400000000000002</v>
      </c>
      <c r="K48" s="97">
        <v>3.1870232375256352E-2</v>
      </c>
      <c r="L48" s="174">
        <v>0.13300000000000001</v>
      </c>
      <c r="M48" s="97">
        <v>2.3054823567954869E-2</v>
      </c>
      <c r="N48" s="174">
        <v>0.53300000000000003</v>
      </c>
      <c r="O48" s="97">
        <v>3.3694645383671451E-2</v>
      </c>
    </row>
    <row r="49" spans="1:15">
      <c r="A49" s="45" t="s">
        <v>446</v>
      </c>
      <c r="B49" s="170">
        <v>102</v>
      </c>
      <c r="C49" s="173">
        <v>0.18</v>
      </c>
      <c r="D49" s="94">
        <v>7.6524132306647563E-2</v>
      </c>
      <c r="E49" s="173">
        <v>0.13600000000000001</v>
      </c>
      <c r="F49" s="94">
        <v>6.9313350442618188E-2</v>
      </c>
      <c r="G49" s="173">
        <v>0.68500000000000005</v>
      </c>
      <c r="H49" s="94">
        <v>9.0763903277798083E-2</v>
      </c>
      <c r="I49" s="170">
        <v>102</v>
      </c>
      <c r="J49" s="173">
        <v>0.371</v>
      </c>
      <c r="K49" s="94">
        <v>9.4087720578932055E-2</v>
      </c>
      <c r="L49" s="173">
        <v>0.20499999999999999</v>
      </c>
      <c r="M49" s="94">
        <v>7.9957300261179337E-2</v>
      </c>
      <c r="N49" s="173">
        <v>0.42299999999999999</v>
      </c>
      <c r="O49" s="94">
        <v>9.605619990909893E-2</v>
      </c>
    </row>
    <row r="50" spans="1:15">
      <c r="A50" s="49" t="s">
        <v>447</v>
      </c>
      <c r="B50" s="171">
        <v>176</v>
      </c>
      <c r="C50" s="174">
        <v>0.23</v>
      </c>
      <c r="D50" s="97">
        <v>6.3298938028655397E-2</v>
      </c>
      <c r="E50" s="174">
        <v>0.17299999999999999</v>
      </c>
      <c r="F50" s="97">
        <v>5.7304371668710226E-2</v>
      </c>
      <c r="G50" s="174">
        <v>0.59699999999999998</v>
      </c>
      <c r="H50" s="97">
        <v>7.318234932277419E-2</v>
      </c>
      <c r="I50" s="171">
        <v>174</v>
      </c>
      <c r="J50" s="174">
        <v>0.20899999999999999</v>
      </c>
      <c r="K50" s="97">
        <v>6.164088181892851E-2</v>
      </c>
      <c r="L50" s="174">
        <v>0.153</v>
      </c>
      <c r="M50" s="97">
        <v>5.5067238879079231E-2</v>
      </c>
      <c r="N50" s="174">
        <v>0.63800000000000001</v>
      </c>
      <c r="O50" s="97">
        <v>7.2173681459302558E-2</v>
      </c>
    </row>
    <row r="51" spans="1:15">
      <c r="A51" s="57" t="s">
        <v>448</v>
      </c>
      <c r="B51" s="170">
        <v>222</v>
      </c>
      <c r="C51" s="173">
        <v>0.16500000000000001</v>
      </c>
      <c r="D51" s="94">
        <v>5.0081775767427075E-2</v>
      </c>
      <c r="E51" s="173">
        <v>0.105</v>
      </c>
      <c r="F51" s="94">
        <v>4.1954280354802274E-2</v>
      </c>
      <c r="G51" s="173">
        <v>0.73</v>
      </c>
      <c r="H51" s="94">
        <v>5.9340922170395549E-2</v>
      </c>
      <c r="I51" s="170">
        <v>222</v>
      </c>
      <c r="J51" s="173">
        <v>0.36099999999999999</v>
      </c>
      <c r="K51" s="94">
        <v>6.3990717901662303E-2</v>
      </c>
      <c r="L51" s="173">
        <v>8.5999999999999993E-2</v>
      </c>
      <c r="M51" s="94">
        <v>3.8699528652012948E-2</v>
      </c>
      <c r="N51" s="173">
        <v>0.55300000000000005</v>
      </c>
      <c r="O51" s="94">
        <v>6.6157435409077689E-2</v>
      </c>
    </row>
    <row r="52" spans="1:15">
      <c r="A52" s="49" t="s">
        <v>449</v>
      </c>
      <c r="B52" s="171">
        <v>111</v>
      </c>
      <c r="C52" s="174">
        <v>0.222</v>
      </c>
      <c r="D52" s="97">
        <v>7.8684571775263307E-2</v>
      </c>
      <c r="E52" s="174">
        <v>0.19700000000000001</v>
      </c>
      <c r="F52" s="97">
        <v>7.5634507830212666E-2</v>
      </c>
      <c r="G52" s="174">
        <v>0.58099999999999996</v>
      </c>
      <c r="H52" s="97">
        <v>9.2103435180716453E-2</v>
      </c>
      <c r="I52" s="171">
        <v>111</v>
      </c>
      <c r="J52" s="174">
        <v>0.52700000000000002</v>
      </c>
      <c r="K52" s="97">
        <v>9.3123729022433599E-2</v>
      </c>
      <c r="L52" s="174">
        <v>0.115</v>
      </c>
      <c r="M52" s="97">
        <v>6.2389234666606293E-2</v>
      </c>
      <c r="N52" s="174">
        <v>0.35799999999999998</v>
      </c>
      <c r="O52" s="97">
        <v>8.9678521112971171E-2</v>
      </c>
    </row>
    <row r="53" spans="1:15">
      <c r="A53" s="57" t="s">
        <v>450</v>
      </c>
      <c r="B53" s="170">
        <v>114</v>
      </c>
      <c r="C53" s="173">
        <v>0.13200000000000001</v>
      </c>
      <c r="D53" s="94">
        <v>6.4729338194776997E-2</v>
      </c>
      <c r="E53" s="173">
        <v>0.16600000000000001</v>
      </c>
      <c r="F53" s="94">
        <v>7.0321038680474526E-2</v>
      </c>
      <c r="G53" s="173">
        <v>0.70199999999999996</v>
      </c>
      <c r="H53" s="94">
        <v>8.475597778136125E-2</v>
      </c>
      <c r="I53" s="170">
        <v>113</v>
      </c>
      <c r="J53" s="173">
        <v>0.32200000000000001</v>
      </c>
      <c r="K53" s="94">
        <v>8.6813562768082123E-2</v>
      </c>
      <c r="L53" s="173">
        <v>0.156</v>
      </c>
      <c r="M53" s="94">
        <v>6.908858100630183E-2</v>
      </c>
      <c r="N53" s="173">
        <v>0.52200000000000002</v>
      </c>
      <c r="O53" s="94">
        <v>9.2366517837076723E-2</v>
      </c>
    </row>
    <row r="54" spans="1:15">
      <c r="A54" s="49" t="s">
        <v>451</v>
      </c>
      <c r="B54" s="171">
        <v>152</v>
      </c>
      <c r="C54" s="174">
        <v>0.16900000000000001</v>
      </c>
      <c r="D54" s="97">
        <v>6.1181839228702503E-2</v>
      </c>
      <c r="E54" s="174">
        <v>0.19900000000000001</v>
      </c>
      <c r="F54" s="97">
        <v>6.484412046490004E-2</v>
      </c>
      <c r="G54" s="174">
        <v>0.63200000000000001</v>
      </c>
      <c r="H54" s="97">
        <v>7.736992108184676E-2</v>
      </c>
      <c r="I54" s="171">
        <v>151</v>
      </c>
      <c r="J54" s="174">
        <v>0.32300000000000001</v>
      </c>
      <c r="K54" s="97">
        <v>7.5394380962658658E-2</v>
      </c>
      <c r="L54" s="174">
        <v>0.152</v>
      </c>
      <c r="M54" s="97">
        <v>5.9038724753415449E-2</v>
      </c>
      <c r="N54" s="174">
        <v>0.52500000000000002</v>
      </c>
      <c r="O54" s="97">
        <v>8.0226589081486527E-2</v>
      </c>
    </row>
    <row r="55" spans="1:15">
      <c r="A55" s="57" t="s">
        <v>457</v>
      </c>
      <c r="B55" s="170">
        <v>57</v>
      </c>
      <c r="C55" s="173">
        <v>0.36499999999999999</v>
      </c>
      <c r="D55" s="94">
        <v>0.1238949311348298</v>
      </c>
      <c r="E55" s="173">
        <v>0.158</v>
      </c>
      <c r="F55" s="94">
        <v>9.8471134228793486E-2</v>
      </c>
      <c r="G55" s="173">
        <v>0.47699999999999998</v>
      </c>
      <c r="H55" s="94">
        <v>0.12791854539198755</v>
      </c>
      <c r="I55" s="170">
        <v>57</v>
      </c>
      <c r="J55" s="173">
        <v>0.183</v>
      </c>
      <c r="K55" s="94">
        <v>0.10314967340926354</v>
      </c>
      <c r="L55" s="173">
        <v>0.2</v>
      </c>
      <c r="M55" s="94">
        <v>0.10602081018880705</v>
      </c>
      <c r="N55" s="173">
        <v>0.61699999999999999</v>
      </c>
      <c r="O55" s="94">
        <v>0.12493865172383266</v>
      </c>
    </row>
    <row r="56" spans="1:15">
      <c r="A56" s="49" t="s">
        <v>460</v>
      </c>
      <c r="B56" s="171">
        <v>54</v>
      </c>
      <c r="C56" s="174">
        <v>0.26600000000000001</v>
      </c>
      <c r="D56" s="97">
        <v>0.11818632831431149</v>
      </c>
      <c r="E56" s="174">
        <v>8.5999999999999993E-2</v>
      </c>
      <c r="F56" s="97">
        <v>8.3636993396940612E-2</v>
      </c>
      <c r="G56" s="174">
        <v>0.64700000000000002</v>
      </c>
      <c r="H56" s="97">
        <v>0.12629160948416934</v>
      </c>
      <c r="I56" s="171">
        <v>53</v>
      </c>
      <c r="J56" s="174">
        <v>0.36199999999999999</v>
      </c>
      <c r="K56" s="97">
        <v>0.12801728451603445</v>
      </c>
      <c r="L56" s="174">
        <v>0.122</v>
      </c>
      <c r="M56" s="97">
        <v>9.4206287013158307E-2</v>
      </c>
      <c r="N56" s="174">
        <v>0.51500000000000001</v>
      </c>
      <c r="O56" s="97">
        <v>0.13240169366440113</v>
      </c>
    </row>
    <row r="57" spans="1:15">
      <c r="A57" s="57" t="s">
        <v>458</v>
      </c>
      <c r="B57" s="170">
        <v>74</v>
      </c>
      <c r="C57" s="173">
        <v>0.14899999999999999</v>
      </c>
      <c r="D57" s="94">
        <v>8.4462402498966582E-2</v>
      </c>
      <c r="E57" s="173">
        <v>0.112</v>
      </c>
      <c r="F57" s="94">
        <v>7.6627805859404249E-2</v>
      </c>
      <c r="G57" s="173">
        <v>0.73899999999999999</v>
      </c>
      <c r="H57" s="94">
        <v>0.10091563994316234</v>
      </c>
      <c r="I57" s="170">
        <v>74</v>
      </c>
      <c r="J57" s="173">
        <v>0.28699999999999998</v>
      </c>
      <c r="K57" s="94">
        <v>0.10356836393509838</v>
      </c>
      <c r="L57" s="173">
        <v>0.152</v>
      </c>
      <c r="M57" s="94">
        <v>8.5033458835504019E-2</v>
      </c>
      <c r="N57" s="173">
        <v>0.56200000000000006</v>
      </c>
      <c r="O57" s="94">
        <v>0.11244147133270346</v>
      </c>
    </row>
    <row r="61" spans="1:15" ht="18.75">
      <c r="A61" s="321" t="s">
        <v>264</v>
      </c>
      <c r="B61" s="321"/>
      <c r="C61" s="321"/>
      <c r="D61" s="321"/>
    </row>
    <row r="62" spans="1:15" ht="112.5" customHeight="1">
      <c r="A62" s="383" t="s">
        <v>315</v>
      </c>
      <c r="B62" s="383"/>
      <c r="C62" s="383"/>
      <c r="D62" s="383"/>
    </row>
    <row r="63" spans="1:15" ht="39" customHeight="1">
      <c r="A63" s="371" t="s">
        <v>265</v>
      </c>
      <c r="B63" s="371"/>
      <c r="C63" s="371"/>
      <c r="D63" s="371"/>
    </row>
    <row r="64" spans="1:15" ht="39" customHeight="1">
      <c r="A64" s="37" t="s">
        <v>85</v>
      </c>
      <c r="B64" s="38" t="s">
        <v>86</v>
      </c>
      <c r="C64" s="39" t="s">
        <v>87</v>
      </c>
      <c r="D64" s="40" t="s">
        <v>88</v>
      </c>
    </row>
    <row r="65" spans="1:4" ht="72">
      <c r="A65" s="41"/>
      <c r="B65" s="42" t="s">
        <v>89</v>
      </c>
      <c r="C65" s="128" t="s">
        <v>153</v>
      </c>
      <c r="D65" s="44" t="s">
        <v>91</v>
      </c>
    </row>
    <row r="66" spans="1:4">
      <c r="A66" s="45" t="s">
        <v>436</v>
      </c>
      <c r="B66" s="175">
        <v>8617</v>
      </c>
      <c r="C66" s="84">
        <v>2.95</v>
      </c>
      <c r="D66" s="85">
        <v>3.9199999999999999E-2</v>
      </c>
    </row>
    <row r="67" spans="1:4">
      <c r="A67" s="49" t="s">
        <v>437</v>
      </c>
      <c r="B67" s="49">
        <v>7922</v>
      </c>
      <c r="C67" s="178">
        <v>2.9209130000000001</v>
      </c>
      <c r="D67" s="179">
        <v>3.6213352000000004E-2</v>
      </c>
    </row>
    <row r="68" spans="1:4">
      <c r="A68" s="45" t="s">
        <v>438</v>
      </c>
      <c r="B68" s="53">
        <v>777</v>
      </c>
      <c r="C68" s="84">
        <v>2.64</v>
      </c>
      <c r="D68" s="85">
        <v>0.1176</v>
      </c>
    </row>
    <row r="69" spans="1:4">
      <c r="A69" s="49" t="s">
        <v>439</v>
      </c>
      <c r="B69" s="49">
        <v>3272</v>
      </c>
      <c r="C69" s="178">
        <v>3.03</v>
      </c>
      <c r="D69" s="179">
        <v>5.8799999999999998E-2</v>
      </c>
    </row>
    <row r="70" spans="1:4">
      <c r="A70" s="45" t="s">
        <v>440</v>
      </c>
      <c r="B70" s="53">
        <v>3037</v>
      </c>
      <c r="C70" s="84">
        <v>3.08</v>
      </c>
      <c r="D70" s="85">
        <v>5.8799999999999998E-2</v>
      </c>
    </row>
    <row r="71" spans="1:4">
      <c r="A71" s="49" t="s">
        <v>452</v>
      </c>
      <c r="B71" s="49">
        <v>523</v>
      </c>
      <c r="C71" s="178">
        <v>2.83</v>
      </c>
      <c r="D71" s="179">
        <v>0.15679999999999999</v>
      </c>
    </row>
    <row r="72" spans="1:4">
      <c r="A72" s="45" t="s">
        <v>441</v>
      </c>
      <c r="B72" s="53">
        <v>138</v>
      </c>
      <c r="C72" s="84">
        <v>2.78</v>
      </c>
      <c r="D72" s="85">
        <v>0.29399999999999998</v>
      </c>
    </row>
    <row r="73" spans="1:4">
      <c r="A73" s="49" t="s">
        <v>442</v>
      </c>
      <c r="B73" s="49">
        <v>92</v>
      </c>
      <c r="C73" s="178">
        <v>3.08</v>
      </c>
      <c r="D73" s="179">
        <v>0.3528</v>
      </c>
    </row>
    <row r="74" spans="1:4">
      <c r="A74" s="45" t="s">
        <v>443</v>
      </c>
      <c r="B74" s="53">
        <v>106</v>
      </c>
      <c r="C74" s="84">
        <v>2.89</v>
      </c>
      <c r="D74" s="85">
        <v>0.3332</v>
      </c>
    </row>
    <row r="75" spans="1:4">
      <c r="A75" s="49" t="s">
        <v>444</v>
      </c>
      <c r="B75" s="49">
        <v>77</v>
      </c>
      <c r="C75" s="178">
        <v>2.77</v>
      </c>
      <c r="D75" s="179">
        <v>0.39200000000000002</v>
      </c>
    </row>
    <row r="76" spans="1:4">
      <c r="A76" s="45" t="s">
        <v>445</v>
      </c>
      <c r="B76" s="175">
        <v>110</v>
      </c>
      <c r="C76" s="84">
        <v>2.59</v>
      </c>
      <c r="D76" s="85">
        <v>0.31359999999999999</v>
      </c>
    </row>
    <row r="77" spans="1:4">
      <c r="A77" s="49" t="s">
        <v>453</v>
      </c>
      <c r="B77" s="177">
        <v>878</v>
      </c>
      <c r="C77" s="178">
        <v>3.18</v>
      </c>
      <c r="D77" s="179">
        <v>0.1176</v>
      </c>
    </row>
    <row r="78" spans="1:4">
      <c r="A78" s="45" t="s">
        <v>446</v>
      </c>
      <c r="B78" s="83">
        <v>102</v>
      </c>
      <c r="C78" s="84">
        <v>3.01</v>
      </c>
      <c r="D78" s="85">
        <v>0.37240000000000001</v>
      </c>
    </row>
    <row r="79" spans="1:4">
      <c r="A79" s="49" t="s">
        <v>447</v>
      </c>
      <c r="B79" s="177">
        <v>176</v>
      </c>
      <c r="C79" s="178">
        <v>3.25</v>
      </c>
      <c r="D79" s="179">
        <v>0.25480000000000003</v>
      </c>
    </row>
    <row r="80" spans="1:4">
      <c r="A80" s="57" t="s">
        <v>448</v>
      </c>
      <c r="B80" s="175">
        <v>223</v>
      </c>
      <c r="C80" s="84">
        <v>3.36</v>
      </c>
      <c r="D80" s="85">
        <v>0.21559999999999999</v>
      </c>
    </row>
    <row r="81" spans="1:30">
      <c r="A81" s="49" t="s">
        <v>449</v>
      </c>
      <c r="B81" s="177">
        <v>112</v>
      </c>
      <c r="C81" s="178">
        <v>2.96</v>
      </c>
      <c r="D81" s="179">
        <v>0.29399999999999998</v>
      </c>
    </row>
    <row r="82" spans="1:30">
      <c r="A82" s="57" t="s">
        <v>450</v>
      </c>
      <c r="B82" s="175">
        <v>114</v>
      </c>
      <c r="C82" s="84">
        <v>2.92</v>
      </c>
      <c r="D82" s="85">
        <v>0.31359999999999999</v>
      </c>
    </row>
    <row r="83" spans="1:30">
      <c r="A83" s="49" t="s">
        <v>451</v>
      </c>
      <c r="B83" s="177">
        <v>151</v>
      </c>
      <c r="C83" s="178">
        <v>3.23</v>
      </c>
      <c r="D83" s="179">
        <v>0.27440000000000003</v>
      </c>
    </row>
    <row r="84" spans="1:30">
      <c r="A84" s="57" t="s">
        <v>457</v>
      </c>
      <c r="B84" s="175">
        <v>57</v>
      </c>
      <c r="C84" s="84">
        <v>2.62</v>
      </c>
      <c r="D84" s="85">
        <v>0.41159999999999997</v>
      </c>
    </row>
    <row r="85" spans="1:30">
      <c r="A85" s="49" t="s">
        <v>460</v>
      </c>
      <c r="B85" s="177">
        <v>54</v>
      </c>
      <c r="C85" s="178">
        <v>2.58</v>
      </c>
      <c r="D85" s="179">
        <v>0.49</v>
      </c>
      <c r="P85" s="258"/>
      <c r="Q85" s="258"/>
      <c r="R85" s="258"/>
      <c r="S85" s="258"/>
      <c r="T85" s="258"/>
      <c r="U85" s="258"/>
      <c r="V85" s="258"/>
      <c r="W85" s="258"/>
      <c r="X85" s="258"/>
      <c r="Y85" s="258"/>
      <c r="Z85" s="258"/>
      <c r="AA85" s="258"/>
      <c r="AB85" s="258"/>
      <c r="AC85" s="258"/>
      <c r="AD85" s="258"/>
    </row>
    <row r="86" spans="1:30">
      <c r="A86" s="57" t="s">
        <v>458</v>
      </c>
      <c r="B86" s="175">
        <v>74</v>
      </c>
      <c r="C86" s="84">
        <v>2.83</v>
      </c>
      <c r="D86" s="85">
        <v>0.39200000000000002</v>
      </c>
      <c r="P86" s="258"/>
      <c r="Q86" s="258"/>
      <c r="R86" s="258"/>
      <c r="S86" s="258"/>
      <c r="T86" s="258"/>
      <c r="U86" s="258"/>
      <c r="V86" s="258"/>
      <c r="W86" s="258"/>
      <c r="X86" s="258"/>
      <c r="Y86" s="258"/>
      <c r="Z86" s="258"/>
      <c r="AA86" s="258"/>
      <c r="AB86" s="258"/>
      <c r="AC86" s="258"/>
      <c r="AD86" s="258"/>
    </row>
    <row r="89" spans="1:30">
      <c r="P89" s="258"/>
      <c r="Q89" s="258"/>
      <c r="R89" s="258"/>
      <c r="S89" s="258"/>
      <c r="T89" s="258"/>
      <c r="U89" s="258"/>
      <c r="V89" s="258"/>
      <c r="W89" s="258"/>
      <c r="X89" s="258"/>
      <c r="Y89" s="258"/>
      <c r="Z89" s="258"/>
      <c r="AA89" s="258"/>
      <c r="AB89" s="258"/>
      <c r="AC89" s="258"/>
      <c r="AD89" s="258"/>
    </row>
    <row r="90" spans="1:30" ht="18.75">
      <c r="A90" s="322" t="s">
        <v>47</v>
      </c>
      <c r="B90" s="322"/>
      <c r="C90" s="322"/>
      <c r="D90" s="322"/>
      <c r="E90" s="322"/>
      <c r="F90" s="322"/>
      <c r="G90" s="322"/>
      <c r="H90" s="322"/>
      <c r="I90" s="322"/>
      <c r="J90" s="322"/>
      <c r="K90" s="322"/>
      <c r="L90" s="322"/>
      <c r="M90" s="322"/>
      <c r="N90" s="322"/>
      <c r="O90" s="322"/>
      <c r="P90" s="228"/>
      <c r="Q90" s="228"/>
      <c r="R90" s="228"/>
      <c r="S90" s="228"/>
      <c r="T90" s="228"/>
      <c r="U90" s="228"/>
      <c r="V90" s="228"/>
      <c r="W90" s="228"/>
      <c r="X90" s="228"/>
      <c r="Y90" s="228"/>
      <c r="Z90" s="228"/>
      <c r="AA90" s="228"/>
      <c r="AB90" s="228"/>
      <c r="AC90" s="228"/>
      <c r="AD90" s="258"/>
    </row>
    <row r="91" spans="1:30" ht="65.25" customHeight="1">
      <c r="A91" s="384" t="s">
        <v>316</v>
      </c>
      <c r="B91" s="384"/>
      <c r="C91" s="384"/>
      <c r="D91" s="384"/>
      <c r="E91" s="384"/>
      <c r="F91" s="384"/>
      <c r="G91" s="384"/>
      <c r="H91" s="384"/>
      <c r="I91" s="384"/>
      <c r="J91" s="384"/>
      <c r="K91" s="384"/>
      <c r="L91" s="384"/>
      <c r="M91" s="384"/>
      <c r="N91" s="384"/>
      <c r="O91" s="384"/>
      <c r="P91" s="254"/>
      <c r="Q91" s="254"/>
      <c r="R91" s="254"/>
      <c r="S91" s="254"/>
      <c r="T91" s="254"/>
      <c r="U91" s="254"/>
      <c r="V91" s="254"/>
      <c r="W91" s="254"/>
      <c r="X91" s="254"/>
      <c r="Y91" s="254"/>
      <c r="Z91" s="254"/>
      <c r="AA91" s="254"/>
      <c r="AB91" s="254"/>
      <c r="AC91" s="254"/>
      <c r="AD91" s="258"/>
    </row>
    <row r="92" spans="1:30" ht="38.25" customHeight="1">
      <c r="A92" s="64"/>
      <c r="B92" s="360" t="s">
        <v>241</v>
      </c>
      <c r="C92" s="360"/>
      <c r="D92" s="360"/>
      <c r="E92" s="360"/>
      <c r="F92" s="360"/>
      <c r="G92" s="360"/>
      <c r="H92" s="360"/>
      <c r="I92" s="360" t="s">
        <v>242</v>
      </c>
      <c r="J92" s="360"/>
      <c r="K92" s="360"/>
      <c r="L92" s="360"/>
      <c r="M92" s="360"/>
      <c r="N92" s="360"/>
      <c r="O92" s="360"/>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1</v>
      </c>
      <c r="D94" s="91" t="s">
        <v>104</v>
      </c>
      <c r="E94" s="42" t="s">
        <v>182</v>
      </c>
      <c r="F94" s="91" t="s">
        <v>104</v>
      </c>
      <c r="G94" s="42" t="s">
        <v>183</v>
      </c>
      <c r="H94" s="91" t="s">
        <v>104</v>
      </c>
      <c r="I94" s="68" t="s">
        <v>89</v>
      </c>
      <c r="J94" s="68" t="s">
        <v>181</v>
      </c>
      <c r="K94" s="90" t="s">
        <v>104</v>
      </c>
      <c r="L94" s="68" t="s">
        <v>182</v>
      </c>
      <c r="M94" s="90" t="s">
        <v>104</v>
      </c>
      <c r="N94" s="68" t="s">
        <v>183</v>
      </c>
      <c r="O94" s="90" t="s">
        <v>104</v>
      </c>
    </row>
    <row r="95" spans="1:30">
      <c r="A95" s="45" t="s">
        <v>436</v>
      </c>
      <c r="B95" s="175">
        <v>8564</v>
      </c>
      <c r="C95" s="180">
        <v>0.64300000000000002</v>
      </c>
      <c r="D95" s="94">
        <v>1.0352563855930568E-2</v>
      </c>
      <c r="E95" s="180">
        <v>8.2000000000000003E-2</v>
      </c>
      <c r="F95" s="94">
        <v>5.9345599913928392E-3</v>
      </c>
      <c r="G95" s="180">
        <v>0.27500000000000002</v>
      </c>
      <c r="H95" s="94">
        <v>9.6488839108659491E-3</v>
      </c>
      <c r="I95" s="175">
        <v>8575</v>
      </c>
      <c r="J95" s="180">
        <v>0.623</v>
      </c>
      <c r="K95" s="94">
        <v>1.0465004033900629E-2</v>
      </c>
      <c r="L95" s="180">
        <v>9.9000000000000005E-2</v>
      </c>
      <c r="M95" s="94">
        <v>6.4544062888594756E-3</v>
      </c>
      <c r="N95" s="180">
        <v>0.27900000000000003</v>
      </c>
      <c r="O95" s="94">
        <v>9.6856895190340735E-3</v>
      </c>
    </row>
    <row r="96" spans="1:30">
      <c r="A96" s="49" t="s">
        <v>437</v>
      </c>
      <c r="B96" s="177">
        <v>7972</v>
      </c>
      <c r="C96" s="181">
        <v>0.62339999999999995</v>
      </c>
      <c r="D96" s="97">
        <v>1.0851133399942283E-2</v>
      </c>
      <c r="E96" s="181">
        <v>0.1008</v>
      </c>
      <c r="F96" s="97">
        <v>6.7480507263889171E-3</v>
      </c>
      <c r="G96" s="181">
        <v>0.27579999999999999</v>
      </c>
      <c r="H96" s="97">
        <v>1.0009643400605403E-2</v>
      </c>
      <c r="I96" s="177">
        <v>7963</v>
      </c>
      <c r="J96" s="181">
        <v>0.65549999999999997</v>
      </c>
      <c r="K96" s="97">
        <v>1.0648462088641538E-2</v>
      </c>
      <c r="L96" s="181">
        <v>7.5700000000000003E-2</v>
      </c>
      <c r="M96" s="97">
        <v>5.9346781356819272E-3</v>
      </c>
      <c r="N96" s="181">
        <v>0.26879999999999998</v>
      </c>
      <c r="O96" s="97">
        <v>9.9351536580892571E-3</v>
      </c>
    </row>
    <row r="97" spans="1:15">
      <c r="A97" s="45" t="s">
        <v>438</v>
      </c>
      <c r="B97" s="175">
        <v>772</v>
      </c>
      <c r="C97" s="180">
        <v>0.76060000000000005</v>
      </c>
      <c r="D97" s="94">
        <v>3.0695206228583287E-2</v>
      </c>
      <c r="E97" s="180">
        <v>7.4899999999999994E-2</v>
      </c>
      <c r="F97" s="94">
        <v>1.9150540122356226E-2</v>
      </c>
      <c r="G97" s="180">
        <v>0.16450000000000001</v>
      </c>
      <c r="H97" s="94">
        <v>2.6728606840815954E-2</v>
      </c>
      <c r="I97" s="175">
        <v>775</v>
      </c>
      <c r="J97" s="180">
        <v>0.64800000000000002</v>
      </c>
      <c r="K97" s="94">
        <v>3.4239987228942073E-2</v>
      </c>
      <c r="L97" s="180">
        <v>8.3000000000000004E-2</v>
      </c>
      <c r="M97" s="94">
        <v>1.9998996329259174E-2</v>
      </c>
      <c r="N97" s="180">
        <v>0.26900000000000002</v>
      </c>
      <c r="O97" s="94">
        <v>3.1819903020326883E-2</v>
      </c>
    </row>
    <row r="98" spans="1:15">
      <c r="A98" s="49" t="s">
        <v>439</v>
      </c>
      <c r="B98" s="177">
        <v>3245</v>
      </c>
      <c r="C98" s="181">
        <v>0.61599999999999999</v>
      </c>
      <c r="D98" s="97">
        <v>1.7066383605851769E-2</v>
      </c>
      <c r="E98" s="181">
        <v>0.08</v>
      </c>
      <c r="F98" s="97">
        <v>9.5470893436513608E-3</v>
      </c>
      <c r="G98" s="181">
        <v>0.30299999999999999</v>
      </c>
      <c r="H98" s="97">
        <v>1.6128389939796161E-2</v>
      </c>
      <c r="I98" s="177">
        <v>3252</v>
      </c>
      <c r="J98" s="181">
        <v>0.621</v>
      </c>
      <c r="K98" s="97">
        <v>1.7005381099370599E-2</v>
      </c>
      <c r="L98" s="181">
        <v>8.8999999999999996E-2</v>
      </c>
      <c r="M98" s="97">
        <v>1.0005759052592378E-2</v>
      </c>
      <c r="N98" s="181">
        <v>0.28999999999999998</v>
      </c>
      <c r="O98" s="97">
        <v>1.5908533369561991E-2</v>
      </c>
    </row>
    <row r="99" spans="1:15">
      <c r="A99" s="45" t="s">
        <v>440</v>
      </c>
      <c r="B99" s="175">
        <v>3018</v>
      </c>
      <c r="C99" s="180">
        <v>0.60799999999999998</v>
      </c>
      <c r="D99" s="94">
        <v>1.7762565844298885E-2</v>
      </c>
      <c r="E99" s="180">
        <v>9.2999999999999999E-2</v>
      </c>
      <c r="F99" s="94">
        <v>1.0593832394956064E-2</v>
      </c>
      <c r="G99" s="180">
        <v>0.29899999999999999</v>
      </c>
      <c r="H99" s="94"/>
      <c r="I99" s="175">
        <v>3012</v>
      </c>
      <c r="J99" s="180">
        <v>0.60799999999999998</v>
      </c>
      <c r="K99" s="94">
        <v>1.7780227688413225E-2</v>
      </c>
      <c r="L99" s="180">
        <v>7.6999999999999999E-2</v>
      </c>
      <c r="M99" s="94">
        <v>9.7410298805027558E-3</v>
      </c>
      <c r="N99" s="180">
        <v>0.316</v>
      </c>
      <c r="O99" s="94">
        <v>1.6934643605963473E-2</v>
      </c>
    </row>
    <row r="100" spans="1:15">
      <c r="A100" s="49" t="s">
        <v>452</v>
      </c>
      <c r="B100" s="177">
        <v>521</v>
      </c>
      <c r="C100" s="181">
        <v>0.68799999999999994</v>
      </c>
      <c r="D100" s="97">
        <v>4.049150631902966E-2</v>
      </c>
      <c r="E100" s="181">
        <v>6.5000000000000002E-2</v>
      </c>
      <c r="F100" s="97">
        <v>2.2021192231317308E-2</v>
      </c>
      <c r="G100" s="181">
        <v>0.248</v>
      </c>
      <c r="H100" s="97">
        <v>3.7792414819706369E-2</v>
      </c>
      <c r="I100" s="177">
        <v>517</v>
      </c>
      <c r="J100" s="181">
        <v>0.66700000000000004</v>
      </c>
      <c r="K100" s="97">
        <v>4.1334513293619174E-2</v>
      </c>
      <c r="L100" s="181">
        <v>7.6999999999999999E-2</v>
      </c>
      <c r="M100" s="97">
        <v>2.3804695312390094E-2</v>
      </c>
      <c r="N100" s="181">
        <v>0.25600000000000001</v>
      </c>
      <c r="O100" s="97">
        <v>3.833128359516802E-2</v>
      </c>
    </row>
    <row r="101" spans="1:15">
      <c r="A101" s="45" t="s">
        <v>441</v>
      </c>
      <c r="B101" s="175">
        <v>138</v>
      </c>
      <c r="C101" s="180">
        <v>0.68200000000000005</v>
      </c>
      <c r="D101" s="94">
        <v>7.8492101903060635E-2</v>
      </c>
      <c r="E101" s="180">
        <v>0.11</v>
      </c>
      <c r="F101" s="94">
        <v>5.4733238799149736E-2</v>
      </c>
      <c r="G101" s="180">
        <v>0.20799999999999999</v>
      </c>
      <c r="H101" s="94">
        <v>6.9093109094947716E-2</v>
      </c>
      <c r="I101" s="175">
        <v>137</v>
      </c>
      <c r="J101" s="180">
        <v>0.627</v>
      </c>
      <c r="K101" s="94">
        <v>8.1610237873574715E-2</v>
      </c>
      <c r="L101" s="180">
        <v>5.1999999999999998E-2</v>
      </c>
      <c r="M101" s="94">
        <v>4.1435906833746129E-2</v>
      </c>
      <c r="N101" s="180">
        <v>0.32100000000000001</v>
      </c>
      <c r="O101" s="94">
        <v>7.8956158559461795E-2</v>
      </c>
    </row>
    <row r="102" spans="1:15">
      <c r="A102" s="49" t="s">
        <v>442</v>
      </c>
      <c r="B102" s="177">
        <v>92</v>
      </c>
      <c r="C102" s="181">
        <v>0.71899999999999997</v>
      </c>
      <c r="D102" s="97">
        <v>9.2635595294816353E-2</v>
      </c>
      <c r="E102" s="181">
        <v>4.5999999999999999E-2</v>
      </c>
      <c r="F102" s="97">
        <v>5.0291853654259769E-2</v>
      </c>
      <c r="G102" s="181">
        <v>0.23499999999999999</v>
      </c>
      <c r="H102" s="97">
        <v>8.7916903221772327E-2</v>
      </c>
      <c r="I102" s="177">
        <v>89</v>
      </c>
      <c r="J102" s="181">
        <v>0.498</v>
      </c>
      <c r="K102" s="97">
        <v>0.10369440973439403</v>
      </c>
      <c r="L102" s="181">
        <v>0.17399999999999999</v>
      </c>
      <c r="M102" s="97">
        <v>8.1033490724675847E-2</v>
      </c>
      <c r="N102" s="181">
        <v>0.32700000000000001</v>
      </c>
      <c r="O102" s="97">
        <v>9.7845647863097046E-2</v>
      </c>
    </row>
    <row r="103" spans="1:15">
      <c r="A103" s="45" t="s">
        <v>443</v>
      </c>
      <c r="B103" s="175">
        <v>105</v>
      </c>
      <c r="C103" s="180">
        <v>0.64100000000000001</v>
      </c>
      <c r="D103" s="94">
        <v>9.2180792136304937E-2</v>
      </c>
      <c r="E103" s="180">
        <v>6.5000000000000002E-2</v>
      </c>
      <c r="F103" s="94">
        <v>5.2254931327709482E-2</v>
      </c>
      <c r="G103" s="180">
        <v>0.29399999999999998</v>
      </c>
      <c r="H103" s="94">
        <v>8.7916019301121556E-2</v>
      </c>
      <c r="I103" s="175">
        <v>106</v>
      </c>
      <c r="J103" s="180">
        <v>0.76800000000000002</v>
      </c>
      <c r="K103" s="94">
        <v>8.1643257195739546E-2</v>
      </c>
      <c r="L103" s="180">
        <v>4.9000000000000002E-2</v>
      </c>
      <c r="M103" s="94">
        <v>4.7144975631266656E-2</v>
      </c>
      <c r="N103" s="180">
        <v>0.184</v>
      </c>
      <c r="O103" s="94">
        <v>7.5624482220008143E-2</v>
      </c>
    </row>
    <row r="104" spans="1:15">
      <c r="A104" s="49" t="s">
        <v>444</v>
      </c>
      <c r="B104" s="177">
        <v>77</v>
      </c>
      <c r="C104" s="181">
        <v>0.64200000000000002</v>
      </c>
      <c r="D104" s="97">
        <v>0.10698524951540035</v>
      </c>
      <c r="E104" s="181">
        <v>0.05</v>
      </c>
      <c r="F104" s="97">
        <v>5.7523445714675284E-2</v>
      </c>
      <c r="G104" s="181">
        <v>0.309</v>
      </c>
      <c r="H104" s="97">
        <v>0.10352624698299417</v>
      </c>
      <c r="I104" s="177">
        <v>77</v>
      </c>
      <c r="J104" s="181">
        <v>0.70299999999999996</v>
      </c>
      <c r="K104" s="97">
        <v>0.10250216023126425</v>
      </c>
      <c r="L104" s="181">
        <v>8.6999999999999994E-2</v>
      </c>
      <c r="M104" s="97">
        <v>6.8803302549485329E-2</v>
      </c>
      <c r="N104" s="181">
        <v>0.21</v>
      </c>
      <c r="O104" s="97">
        <v>9.2696526537961552E-2</v>
      </c>
    </row>
    <row r="105" spans="1:15">
      <c r="A105" s="45" t="s">
        <v>445</v>
      </c>
      <c r="B105" s="175">
        <v>109</v>
      </c>
      <c r="C105" s="180">
        <v>0.77400000000000002</v>
      </c>
      <c r="D105" s="94">
        <v>7.9854966367209651E-2</v>
      </c>
      <c r="E105" s="180">
        <v>3.4000000000000002E-2</v>
      </c>
      <c r="F105" s="94">
        <v>4.1197032329029722E-2</v>
      </c>
      <c r="G105" s="180">
        <v>0.192</v>
      </c>
      <c r="H105" s="94">
        <v>7.5664178292239745E-2</v>
      </c>
      <c r="I105" s="175">
        <v>108</v>
      </c>
      <c r="J105" s="180">
        <v>0.71199999999999997</v>
      </c>
      <c r="K105" s="94">
        <v>8.6232443178653861E-2</v>
      </c>
      <c r="L105" s="180">
        <v>4.2999999999999997E-2</v>
      </c>
      <c r="M105" s="94">
        <v>4.4642387242424926E-2</v>
      </c>
      <c r="N105" s="180">
        <v>0.245</v>
      </c>
      <c r="O105" s="94">
        <v>8.2274953402366124E-2</v>
      </c>
    </row>
    <row r="106" spans="1:15">
      <c r="A106" s="49" t="s">
        <v>453</v>
      </c>
      <c r="B106" s="177">
        <v>873</v>
      </c>
      <c r="C106" s="181">
        <v>0.59</v>
      </c>
      <c r="D106" s="97">
        <v>3.3221122249650417E-2</v>
      </c>
      <c r="E106" s="181">
        <v>5.8999999999999997E-2</v>
      </c>
      <c r="F106" s="97">
        <v>1.6164633506063952E-2</v>
      </c>
      <c r="G106" s="181">
        <v>0.35</v>
      </c>
      <c r="H106" s="97">
        <v>3.2226732183675631E-2</v>
      </c>
      <c r="I106" s="177">
        <v>874</v>
      </c>
      <c r="J106" s="181">
        <v>0.59899999999999998</v>
      </c>
      <c r="K106" s="97">
        <v>3.3086350717724686E-2</v>
      </c>
      <c r="L106" s="181">
        <v>6.9000000000000006E-2</v>
      </c>
      <c r="M106" s="97">
        <v>1.7330727396091324E-2</v>
      </c>
      <c r="N106" s="181">
        <v>0.33200000000000002</v>
      </c>
      <c r="O106" s="97">
        <v>3.180468443647811E-2</v>
      </c>
    </row>
    <row r="107" spans="1:15">
      <c r="A107" s="45" t="s">
        <v>446</v>
      </c>
      <c r="B107" s="175">
        <v>101</v>
      </c>
      <c r="C107" s="180">
        <v>0.62</v>
      </c>
      <c r="D107" s="94">
        <v>9.4953872490144572E-2</v>
      </c>
      <c r="E107" s="180">
        <v>0.05</v>
      </c>
      <c r="F107" s="94">
        <v>4.8847554455547289E-2</v>
      </c>
      <c r="G107" s="180">
        <v>0.32900000000000001</v>
      </c>
      <c r="H107" s="94">
        <v>9.2158135272950095E-2</v>
      </c>
      <c r="I107" s="175">
        <v>102</v>
      </c>
      <c r="J107" s="180">
        <v>0.629</v>
      </c>
      <c r="K107" s="94">
        <v>9.4087720578932055E-2</v>
      </c>
      <c r="L107" s="180">
        <v>0.10299999999999999</v>
      </c>
      <c r="M107" s="94">
        <v>6.2664601228740374E-2</v>
      </c>
      <c r="N107" s="180">
        <v>0.26800000000000002</v>
      </c>
      <c r="O107" s="94">
        <v>8.690952650082262E-2</v>
      </c>
    </row>
    <row r="108" spans="1:15">
      <c r="A108" s="49" t="s">
        <v>447</v>
      </c>
      <c r="B108" s="177">
        <v>176</v>
      </c>
      <c r="C108" s="181">
        <v>0.56399999999999995</v>
      </c>
      <c r="D108" s="97">
        <v>7.3949535604941816E-2</v>
      </c>
      <c r="E108" s="181">
        <v>5.0999999999999997E-2</v>
      </c>
      <c r="F108" s="97">
        <v>3.5671179899826919E-2</v>
      </c>
      <c r="G108" s="181">
        <v>0.38400000000000001</v>
      </c>
      <c r="H108" s="97">
        <v>7.2592530914561859E-2</v>
      </c>
      <c r="I108" s="177">
        <v>176</v>
      </c>
      <c r="J108" s="181">
        <v>0.61699999999999999</v>
      </c>
      <c r="K108" s="97">
        <v>7.2558427031829548E-2</v>
      </c>
      <c r="L108" s="181">
        <v>6.0999999999999999E-2</v>
      </c>
      <c r="M108" s="97">
        <v>3.8224252601829246E-2</v>
      </c>
      <c r="N108" s="181">
        <v>0.32100000000000001</v>
      </c>
      <c r="O108" s="97">
        <v>6.9819962399874508E-2</v>
      </c>
    </row>
    <row r="109" spans="1:15">
      <c r="A109" s="57" t="s">
        <v>448</v>
      </c>
      <c r="B109" s="175">
        <v>223</v>
      </c>
      <c r="C109" s="180">
        <v>0.503</v>
      </c>
      <c r="D109" s="94">
        <v>6.6371178181095114E-2</v>
      </c>
      <c r="E109" s="180">
        <v>3.5000000000000003E-2</v>
      </c>
      <c r="F109" s="94">
        <v>2.6986087270275246E-2</v>
      </c>
      <c r="G109" s="180">
        <v>0.46200000000000002</v>
      </c>
      <c r="H109" s="94">
        <v>6.6187085195510309E-2</v>
      </c>
      <c r="I109" s="175">
        <v>222</v>
      </c>
      <c r="J109" s="180">
        <v>0.626</v>
      </c>
      <c r="K109" s="94">
        <v>6.4448787243055652E-2</v>
      </c>
      <c r="L109" s="180">
        <v>3.3000000000000002E-2</v>
      </c>
      <c r="M109" s="94">
        <v>2.6461742740539775E-2</v>
      </c>
      <c r="N109" s="180">
        <v>0.34100000000000003</v>
      </c>
      <c r="O109" s="94">
        <v>6.3190396823101194E-2</v>
      </c>
    </row>
    <row r="110" spans="1:15">
      <c r="A110" s="49" t="s">
        <v>449</v>
      </c>
      <c r="B110" s="177">
        <v>112</v>
      </c>
      <c r="C110" s="181">
        <v>0.72299999999999998</v>
      </c>
      <c r="D110" s="97">
        <v>8.3798085611049344E-2</v>
      </c>
      <c r="E110" s="181">
        <v>0.114</v>
      </c>
      <c r="F110" s="97">
        <v>6.1896025421800019E-2</v>
      </c>
      <c r="G110" s="181">
        <v>0.16300000000000001</v>
      </c>
      <c r="H110" s="97">
        <v>7.0497812242778721E-2</v>
      </c>
      <c r="I110" s="177">
        <v>111</v>
      </c>
      <c r="J110" s="181">
        <v>0.55000000000000004</v>
      </c>
      <c r="K110" s="97">
        <v>9.2815082820170439E-2</v>
      </c>
      <c r="L110" s="181">
        <v>7.1999999999999995E-2</v>
      </c>
      <c r="M110" s="97">
        <v>5.2531601522736782E-2</v>
      </c>
      <c r="N110" s="181">
        <v>0.378</v>
      </c>
      <c r="O110" s="97">
        <v>9.0627455593794953E-2</v>
      </c>
    </row>
    <row r="111" spans="1:15">
      <c r="A111" s="57" t="s">
        <v>450</v>
      </c>
      <c r="B111" s="175">
        <v>114</v>
      </c>
      <c r="C111" s="180">
        <v>0.69299999999999995</v>
      </c>
      <c r="D111" s="94">
        <v>8.541693423364044E-2</v>
      </c>
      <c r="E111" s="180">
        <v>8.3000000000000004E-2</v>
      </c>
      <c r="F111" s="94">
        <v>5.4524219389207533E-2</v>
      </c>
      <c r="G111" s="180">
        <v>0.224</v>
      </c>
      <c r="H111" s="94">
        <v>7.7874505980178393E-2</v>
      </c>
      <c r="I111" s="175">
        <v>112</v>
      </c>
      <c r="J111" s="180">
        <v>0.55600000000000005</v>
      </c>
      <c r="K111" s="94">
        <v>9.2303201081692862E-2</v>
      </c>
      <c r="L111" s="180">
        <v>0.105</v>
      </c>
      <c r="M111" s="94">
        <v>6.0043036760972016E-2</v>
      </c>
      <c r="N111" s="180">
        <v>0.33800000000000002</v>
      </c>
      <c r="O111" s="94">
        <v>8.8187637988746445E-2</v>
      </c>
    </row>
    <row r="112" spans="1:15">
      <c r="A112" s="49" t="s">
        <v>451</v>
      </c>
      <c r="B112" s="177">
        <v>147</v>
      </c>
      <c r="C112" s="181">
        <v>0.58299999999999996</v>
      </c>
      <c r="D112" s="97">
        <v>8.0309194868071587E-2</v>
      </c>
      <c r="E112" s="181">
        <v>0.06</v>
      </c>
      <c r="F112" s="97">
        <v>4.1977950677622264E-2</v>
      </c>
      <c r="G112" s="181">
        <v>0.35699999999999998</v>
      </c>
      <c r="H112" s="97">
        <v>7.8160988758921787E-2</v>
      </c>
      <c r="I112" s="177">
        <v>151</v>
      </c>
      <c r="J112" s="181">
        <v>0.58399999999999996</v>
      </c>
      <c r="K112" s="97">
        <v>7.923887633992871E-2</v>
      </c>
      <c r="L112" s="181">
        <v>9.9000000000000005E-2</v>
      </c>
      <c r="M112" s="97">
        <v>5.0133066117595278E-2</v>
      </c>
      <c r="N112" s="181">
        <v>0.317</v>
      </c>
      <c r="O112" s="97">
        <v>7.5042725335367835E-2</v>
      </c>
    </row>
    <row r="113" spans="1:28">
      <c r="A113" s="57" t="s">
        <v>457</v>
      </c>
      <c r="B113" s="175">
        <v>57</v>
      </c>
      <c r="C113" s="180">
        <v>0.70699999999999996</v>
      </c>
      <c r="D113" s="94">
        <v>0.11806813640984846</v>
      </c>
      <c r="E113" s="180">
        <v>0.10299999999999999</v>
      </c>
      <c r="F113" s="94">
        <v>8.584520067124736E-2</v>
      </c>
      <c r="G113" s="180">
        <v>0.19</v>
      </c>
      <c r="H113" s="94">
        <v>0.10436067861859605</v>
      </c>
      <c r="I113" s="175">
        <v>57</v>
      </c>
      <c r="J113" s="180">
        <v>0.76900000000000002</v>
      </c>
      <c r="K113" s="94">
        <v>0.11068129427075697</v>
      </c>
      <c r="L113" s="180">
        <v>5.8999999999999997E-2</v>
      </c>
      <c r="M113" s="94">
        <v>7.2513855000729668E-2</v>
      </c>
      <c r="N113" s="180">
        <v>0.17199999999999999</v>
      </c>
      <c r="O113" s="94">
        <v>0.1011613787909387</v>
      </c>
    </row>
    <row r="114" spans="1:28">
      <c r="A114" s="49" t="s">
        <v>460</v>
      </c>
      <c r="B114" s="177">
        <v>54</v>
      </c>
      <c r="C114" s="181">
        <v>0.70099999999999996</v>
      </c>
      <c r="D114" s="97">
        <v>0.12176274124880311</v>
      </c>
      <c r="E114" s="181">
        <v>3.9E-2</v>
      </c>
      <c r="F114" s="97">
        <v>6.7354665994291671E-2</v>
      </c>
      <c r="G114" s="181">
        <v>0.26</v>
      </c>
      <c r="H114" s="97">
        <v>0.11746484962547636</v>
      </c>
      <c r="I114" s="177">
        <v>54</v>
      </c>
      <c r="J114" s="181">
        <v>0.73799999999999999</v>
      </c>
      <c r="K114" s="97">
        <v>0.11770786541357631</v>
      </c>
      <c r="L114" s="181">
        <v>2.5999999999999999E-2</v>
      </c>
      <c r="M114" s="97">
        <v>6.1725297752473533E-2</v>
      </c>
      <c r="N114" s="181">
        <v>0.23599999999999999</v>
      </c>
      <c r="O114" s="97">
        <v>0.11434543860970525</v>
      </c>
    </row>
    <row r="115" spans="1:28">
      <c r="A115" s="57" t="s">
        <v>458</v>
      </c>
      <c r="B115" s="175">
        <v>74</v>
      </c>
      <c r="C115" s="180">
        <v>0.62</v>
      </c>
      <c r="D115" s="94">
        <v>0.11025356631348923</v>
      </c>
      <c r="E115" s="180">
        <v>0.14000000000000001</v>
      </c>
      <c r="F115" s="94">
        <v>8.2695449690319389E-2</v>
      </c>
      <c r="G115" s="180">
        <v>0.24</v>
      </c>
      <c r="H115" s="94">
        <v>9.8490024369399465E-2</v>
      </c>
      <c r="I115" s="175">
        <v>73</v>
      </c>
      <c r="J115" s="180">
        <v>0.71299999999999997</v>
      </c>
      <c r="K115" s="94">
        <v>0.10425299635662066</v>
      </c>
      <c r="L115" s="180">
        <v>5.6000000000000001E-2</v>
      </c>
      <c r="M115" s="94">
        <v>6.1502263123015287E-2</v>
      </c>
      <c r="N115" s="180">
        <v>0.23</v>
      </c>
      <c r="O115" s="94">
        <v>9.7894005235890758E-2</v>
      </c>
    </row>
    <row r="119" spans="1:28" ht="18.75">
      <c r="A119" s="322" t="s">
        <v>266</v>
      </c>
      <c r="B119" s="322"/>
      <c r="C119" s="322"/>
      <c r="D119" s="322"/>
      <c r="E119" s="322"/>
      <c r="F119" s="322"/>
      <c r="G119" s="322"/>
      <c r="H119" s="322"/>
      <c r="I119" s="322"/>
      <c r="J119" s="322"/>
      <c r="K119" s="322"/>
      <c r="L119" s="322"/>
      <c r="M119" s="228"/>
      <c r="N119" s="228"/>
      <c r="O119" s="228"/>
      <c r="P119" s="228"/>
      <c r="Q119" s="228"/>
      <c r="R119" s="228"/>
      <c r="S119" s="228"/>
      <c r="T119" s="228"/>
      <c r="U119" s="228"/>
      <c r="V119" s="228"/>
      <c r="W119" s="228"/>
      <c r="X119" s="228"/>
      <c r="Y119" s="228"/>
      <c r="Z119" s="228"/>
      <c r="AA119" s="228"/>
      <c r="AB119" s="258"/>
    </row>
    <row r="120" spans="1:28" ht="41.25" customHeight="1">
      <c r="A120" s="369" t="s">
        <v>494</v>
      </c>
      <c r="B120" s="369"/>
      <c r="C120" s="369"/>
      <c r="D120" s="369"/>
      <c r="E120" s="369"/>
      <c r="F120" s="369"/>
      <c r="G120" s="369"/>
      <c r="H120" s="369"/>
      <c r="I120" s="369"/>
      <c r="J120" s="369"/>
      <c r="K120" s="369"/>
      <c r="L120" s="369"/>
      <c r="M120" s="254"/>
      <c r="N120" s="254"/>
      <c r="O120" s="254"/>
      <c r="P120" s="254"/>
      <c r="Q120" s="254"/>
      <c r="R120" s="254"/>
      <c r="S120" s="254"/>
      <c r="T120" s="254"/>
      <c r="U120" s="254"/>
      <c r="V120" s="254"/>
      <c r="W120" s="254"/>
      <c r="X120" s="254"/>
      <c r="Y120" s="254"/>
      <c r="Z120" s="254"/>
      <c r="AA120" s="254"/>
      <c r="AB120" s="258"/>
    </row>
    <row r="121" spans="1:28" ht="38.25" customHeight="1">
      <c r="A121" s="367" t="s">
        <v>267</v>
      </c>
      <c r="B121" s="368"/>
      <c r="C121" s="368"/>
      <c r="D121" s="368"/>
      <c r="E121" s="368"/>
      <c r="F121" s="368"/>
      <c r="G121" s="368"/>
      <c r="H121" s="368"/>
      <c r="I121" s="368"/>
      <c r="J121" s="368"/>
      <c r="K121" s="368"/>
      <c r="L121" s="368"/>
      <c r="M121" s="249"/>
      <c r="N121" s="258"/>
      <c r="O121" s="258"/>
      <c r="P121" s="258"/>
      <c r="Q121" s="258"/>
      <c r="R121" s="258"/>
      <c r="S121" s="258"/>
      <c r="T121" s="258"/>
      <c r="U121" s="258"/>
      <c r="V121" s="258"/>
      <c r="W121" s="258"/>
      <c r="X121" s="258"/>
      <c r="Y121" s="258"/>
      <c r="Z121" s="258"/>
      <c r="AA121" s="258"/>
      <c r="AB121" s="258"/>
    </row>
    <row r="122" spans="1:28" ht="72">
      <c r="A122" s="37" t="s">
        <v>85</v>
      </c>
      <c r="B122" s="38" t="s">
        <v>86</v>
      </c>
      <c r="C122" s="39" t="s">
        <v>87</v>
      </c>
      <c r="D122" s="40" t="s">
        <v>88</v>
      </c>
      <c r="E122" s="38" t="s">
        <v>268</v>
      </c>
      <c r="F122" s="89" t="s">
        <v>323</v>
      </c>
      <c r="G122" s="38" t="s">
        <v>269</v>
      </c>
      <c r="H122" s="89" t="s">
        <v>324</v>
      </c>
      <c r="I122" s="38" t="s">
        <v>385</v>
      </c>
      <c r="J122" s="89" t="s">
        <v>325</v>
      </c>
      <c r="K122" s="38" t="s">
        <v>357</v>
      </c>
      <c r="L122" s="89" t="s">
        <v>356</v>
      </c>
      <c r="M122" s="249"/>
      <c r="N122" s="257"/>
      <c r="O122" s="249"/>
      <c r="P122" s="257"/>
      <c r="Q122" s="249"/>
    </row>
    <row r="123" spans="1:28" ht="72">
      <c r="A123" s="41"/>
      <c r="B123" s="42" t="s">
        <v>89</v>
      </c>
      <c r="C123" s="128" t="s">
        <v>360</v>
      </c>
      <c r="D123" s="44" t="s">
        <v>91</v>
      </c>
      <c r="E123" s="42" t="s">
        <v>181</v>
      </c>
      <c r="F123" s="91" t="s">
        <v>104</v>
      </c>
      <c r="G123" s="42" t="s">
        <v>182</v>
      </c>
      <c r="H123" s="91" t="s">
        <v>104</v>
      </c>
      <c r="I123" s="42" t="s">
        <v>183</v>
      </c>
      <c r="J123" s="91" t="s">
        <v>104</v>
      </c>
      <c r="K123" s="42" t="s">
        <v>357</v>
      </c>
      <c r="L123" s="91" t="s">
        <v>104</v>
      </c>
    </row>
    <row r="124" spans="1:28">
      <c r="A124" s="45" t="s">
        <v>436</v>
      </c>
      <c r="B124" s="175">
        <v>10998</v>
      </c>
      <c r="C124" s="176">
        <v>5.18</v>
      </c>
      <c r="D124" s="85">
        <v>1.9599999999999999E-2</v>
      </c>
      <c r="E124" s="180">
        <v>0.122</v>
      </c>
      <c r="F124" s="94">
        <v>6.2435533845204179E-3</v>
      </c>
      <c r="G124" s="180">
        <v>0.159</v>
      </c>
      <c r="H124" s="94">
        <v>6.9747391938981785E-3</v>
      </c>
      <c r="I124" s="180">
        <v>0.69599999999999995</v>
      </c>
      <c r="J124" s="94">
        <v>8.7713057149752891E-3</v>
      </c>
      <c r="K124" s="93">
        <v>2.1999999999999999E-2</v>
      </c>
      <c r="L124" s="94">
        <v>2.8076627800380362E-3</v>
      </c>
    </row>
    <row r="125" spans="1:28">
      <c r="A125" s="49" t="s">
        <v>437</v>
      </c>
      <c r="B125" s="177">
        <v>8704</v>
      </c>
      <c r="C125" s="178">
        <v>5.18</v>
      </c>
      <c r="D125" s="179">
        <v>3.0241232E-2</v>
      </c>
      <c r="E125" s="181">
        <v>0.13600000000000001</v>
      </c>
      <c r="F125" s="97">
        <v>7.350584723771033E-3</v>
      </c>
      <c r="G125" s="181">
        <v>0.14299999999999999</v>
      </c>
      <c r="H125" s="97">
        <v>7.5064834914501275E-3</v>
      </c>
      <c r="I125" s="181">
        <v>0.70899999999999996</v>
      </c>
      <c r="J125" s="97">
        <v>9.7360460509007974E-3</v>
      </c>
      <c r="K125" s="96">
        <v>1.2E-2</v>
      </c>
      <c r="L125" s="97">
        <v>2.3551009506040999E-3</v>
      </c>
    </row>
    <row r="126" spans="1:28">
      <c r="A126" s="45" t="s">
        <v>438</v>
      </c>
      <c r="B126" s="175">
        <v>1985</v>
      </c>
      <c r="C126" s="176">
        <v>5.1100000000000003</v>
      </c>
      <c r="D126" s="85">
        <v>5.8799999999999998E-2</v>
      </c>
      <c r="E126" s="180">
        <v>0.11020000000000001</v>
      </c>
      <c r="F126" s="94">
        <v>1.4086316035216383E-2</v>
      </c>
      <c r="G126" s="180">
        <v>0.18759999999999999</v>
      </c>
      <c r="H126" s="94">
        <v>1.7529598858582702E-2</v>
      </c>
      <c r="I126" s="180">
        <v>0.66069999999999995</v>
      </c>
      <c r="J126" s="94">
        <v>2.1237685032857008E-2</v>
      </c>
      <c r="K126" s="93">
        <v>4.1500000000000002E-2</v>
      </c>
      <c r="L126" s="94">
        <v>9.0384841972558465E-3</v>
      </c>
    </row>
    <row r="127" spans="1:28">
      <c r="A127" s="49" t="s">
        <v>439</v>
      </c>
      <c r="B127" s="177">
        <v>3922</v>
      </c>
      <c r="C127" s="178">
        <v>5.2</v>
      </c>
      <c r="D127" s="179">
        <v>3.9199999999999999E-2</v>
      </c>
      <c r="E127" s="181">
        <v>0.114</v>
      </c>
      <c r="F127" s="97">
        <v>1.0159575188189976E-2</v>
      </c>
      <c r="G127" s="181">
        <v>0.157</v>
      </c>
      <c r="H127" s="97">
        <v>1.1622812556023678E-2</v>
      </c>
      <c r="I127" s="181">
        <v>0.69799999999999995</v>
      </c>
      <c r="J127" s="97">
        <v>1.4657782265422289E-2</v>
      </c>
      <c r="K127" s="96">
        <v>3.1E-2</v>
      </c>
      <c r="L127" s="97">
        <v>5.573295766655593E-3</v>
      </c>
    </row>
    <row r="128" spans="1:28">
      <c r="A128" s="45" t="s">
        <v>440</v>
      </c>
      <c r="B128" s="175">
        <v>3285</v>
      </c>
      <c r="C128" s="176">
        <v>5.22</v>
      </c>
      <c r="D128" s="85">
        <v>3.9199999999999999E-2</v>
      </c>
      <c r="E128" s="180">
        <v>0.125</v>
      </c>
      <c r="F128" s="94">
        <v>1.1551402235047397E-2</v>
      </c>
      <c r="G128" s="180">
        <v>0.14899999999999999</v>
      </c>
      <c r="H128" s="94">
        <v>1.2432779952304808E-2</v>
      </c>
      <c r="I128" s="180">
        <v>0.71</v>
      </c>
      <c r="J128" s="94">
        <v>1.5828481759334156E-2</v>
      </c>
      <c r="K128" s="93">
        <v>1.4999999999999999E-2</v>
      </c>
      <c r="L128" s="94">
        <v>4.3202313025037615E-3</v>
      </c>
    </row>
    <row r="129" spans="1:12">
      <c r="A129" s="49" t="s">
        <v>452</v>
      </c>
      <c r="B129" s="177">
        <v>574</v>
      </c>
      <c r="C129" s="178">
        <v>5.1100000000000003</v>
      </c>
      <c r="D129" s="179">
        <v>0.1176</v>
      </c>
      <c r="E129" s="181">
        <v>0.129</v>
      </c>
      <c r="F129" s="97">
        <v>2.8119551230250697E-2</v>
      </c>
      <c r="G129" s="181">
        <v>0.17399999999999999</v>
      </c>
      <c r="H129" s="97">
        <v>3.1698171965573271E-2</v>
      </c>
      <c r="I129" s="181">
        <v>0.67500000000000004</v>
      </c>
      <c r="J129" s="97">
        <v>3.9001145288438378E-2</v>
      </c>
      <c r="K129" s="96">
        <v>2.1999999999999999E-2</v>
      </c>
      <c r="L129" s="97">
        <v>1.3065569459291333E-2</v>
      </c>
    </row>
    <row r="130" spans="1:12">
      <c r="A130" s="45" t="s">
        <v>441</v>
      </c>
      <c r="B130" s="175">
        <v>148</v>
      </c>
      <c r="C130" s="176">
        <v>5.25</v>
      </c>
      <c r="D130" s="85">
        <v>0.19600000000000001</v>
      </c>
      <c r="E130" s="180">
        <v>7.5999999999999998E-2</v>
      </c>
      <c r="F130" s="94">
        <v>4.5757195615289688E-2</v>
      </c>
      <c r="G130" s="180">
        <v>0.222</v>
      </c>
      <c r="H130" s="94">
        <v>6.819670816483453E-2</v>
      </c>
      <c r="I130" s="180">
        <v>0.68400000000000005</v>
      </c>
      <c r="J130" s="94">
        <v>7.5724995656628352E-2</v>
      </c>
      <c r="K130" s="93">
        <v>1.7999999999999999E-2</v>
      </c>
      <c r="L130" s="94">
        <v>2.7976818294086433E-2</v>
      </c>
    </row>
    <row r="131" spans="1:12">
      <c r="A131" s="49" t="s">
        <v>442</v>
      </c>
      <c r="B131" s="177">
        <v>108</v>
      </c>
      <c r="C131" s="178">
        <v>5.24</v>
      </c>
      <c r="D131" s="179">
        <v>0.27440000000000003</v>
      </c>
      <c r="E131" s="181">
        <v>0.17499999999999999</v>
      </c>
      <c r="F131" s="97">
        <v>7.3626692823574702E-2</v>
      </c>
      <c r="G131" s="181">
        <v>9.9000000000000005E-2</v>
      </c>
      <c r="H131" s="97">
        <v>5.9904591523867345E-2</v>
      </c>
      <c r="I131" s="181">
        <v>0.70499999999999996</v>
      </c>
      <c r="J131" s="97">
        <v>8.6792688631745427E-2</v>
      </c>
      <c r="K131" s="96">
        <v>2.1000000000000001E-2</v>
      </c>
      <c r="L131" s="97">
        <v>3.6181580021769646E-2</v>
      </c>
    </row>
    <row r="132" spans="1:12">
      <c r="A132" s="45" t="s">
        <v>443</v>
      </c>
      <c r="B132" s="175">
        <v>119</v>
      </c>
      <c r="C132" s="176">
        <v>4.76</v>
      </c>
      <c r="D132" s="85">
        <v>0.25480000000000003</v>
      </c>
      <c r="E132" s="180">
        <v>0.21099999999999999</v>
      </c>
      <c r="F132" s="94">
        <v>7.4751171125842494E-2</v>
      </c>
      <c r="G132" s="180">
        <v>0.16500000000000001</v>
      </c>
      <c r="H132" s="94">
        <v>6.8658575817721446E-2</v>
      </c>
      <c r="I132" s="180">
        <v>0.58699999999999997</v>
      </c>
      <c r="J132" s="94">
        <v>8.8880167417289227E-2</v>
      </c>
      <c r="K132" s="93">
        <v>3.6999999999999998E-2</v>
      </c>
      <c r="L132" s="94">
        <v>4.0059706914613621E-2</v>
      </c>
    </row>
    <row r="133" spans="1:12">
      <c r="A133" s="49" t="s">
        <v>444</v>
      </c>
      <c r="B133" s="177">
        <v>82</v>
      </c>
      <c r="C133" s="178">
        <v>5.28</v>
      </c>
      <c r="D133" s="179">
        <v>0.27440000000000003</v>
      </c>
      <c r="E133" s="181">
        <v>6.6000000000000003E-2</v>
      </c>
      <c r="F133" s="97">
        <v>6.052407243492515E-2</v>
      </c>
      <c r="G133" s="181">
        <v>0.19500000000000001</v>
      </c>
      <c r="H133" s="97">
        <v>8.771710460244049E-2</v>
      </c>
      <c r="I133" s="181">
        <v>0.73899999999999999</v>
      </c>
      <c r="J133" s="97">
        <v>9.5981832034491288E-2</v>
      </c>
      <c r="K133" s="96">
        <v>0</v>
      </c>
      <c r="L133" s="97">
        <v>3.2504011252172456E-2</v>
      </c>
    </row>
    <row r="134" spans="1:12">
      <c r="A134" s="45" t="s">
        <v>445</v>
      </c>
      <c r="B134" s="175">
        <v>121</v>
      </c>
      <c r="C134" s="176">
        <v>5.16</v>
      </c>
      <c r="D134" s="85">
        <v>0.23519999999999999</v>
      </c>
      <c r="E134" s="180">
        <v>8.4000000000000005E-2</v>
      </c>
      <c r="F134" s="94">
        <v>5.3018449515164059E-2</v>
      </c>
      <c r="G134" s="180">
        <v>0.17799999999999999</v>
      </c>
      <c r="H134" s="94">
        <v>6.993610880430795E-2</v>
      </c>
      <c r="I134" s="180">
        <v>0.72199999999999998</v>
      </c>
      <c r="J134" s="94">
        <v>8.0760328713347859E-2</v>
      </c>
      <c r="K134" s="93">
        <v>1.6E-2</v>
      </c>
      <c r="L134" s="94">
        <v>3.1239209135187788E-2</v>
      </c>
    </row>
    <row r="135" spans="1:12">
      <c r="A135" s="49" t="s">
        <v>453</v>
      </c>
      <c r="B135" s="177">
        <v>960</v>
      </c>
      <c r="C135" s="178">
        <v>5.37</v>
      </c>
      <c r="D135" s="179">
        <v>7.8399999999999997E-2</v>
      </c>
      <c r="E135" s="181">
        <v>0.113</v>
      </c>
      <c r="F135" s="97">
        <v>2.0519327761772104E-2</v>
      </c>
      <c r="G135" s="181">
        <v>0.111</v>
      </c>
      <c r="H135" s="97">
        <v>2.0363111488654551E-2</v>
      </c>
      <c r="I135" s="181">
        <v>0.76</v>
      </c>
      <c r="J135" s="97">
        <v>2.7553029365480028E-2</v>
      </c>
      <c r="K135" s="96">
        <v>1.6E-2</v>
      </c>
      <c r="L135" s="97">
        <v>8.566072208149483E-3</v>
      </c>
    </row>
    <row r="136" spans="1:12">
      <c r="A136" s="45" t="s">
        <v>446</v>
      </c>
      <c r="B136" s="175">
        <v>103</v>
      </c>
      <c r="C136" s="176">
        <v>5.27</v>
      </c>
      <c r="D136" s="85">
        <v>0.27440000000000003</v>
      </c>
      <c r="E136" s="180">
        <v>0.12</v>
      </c>
      <c r="F136" s="94">
        <v>6.5906890538875218E-2</v>
      </c>
      <c r="G136" s="180">
        <v>0.16400000000000001</v>
      </c>
      <c r="H136" s="94">
        <v>7.3722655326147274E-2</v>
      </c>
      <c r="I136" s="180">
        <v>0.70299999999999996</v>
      </c>
      <c r="J136" s="94">
        <v>8.8984815899000064E-2</v>
      </c>
      <c r="K136" s="93">
        <v>1.2999999999999999E-2</v>
      </c>
      <c r="L136" s="94">
        <v>3.3617873271728625E-2</v>
      </c>
    </row>
    <row r="137" spans="1:12">
      <c r="A137" s="49" t="s">
        <v>447</v>
      </c>
      <c r="B137" s="177">
        <v>198</v>
      </c>
      <c r="C137" s="178">
        <v>5.68</v>
      </c>
      <c r="D137" s="179">
        <v>0.1764</v>
      </c>
      <c r="E137" s="181">
        <v>7.0000000000000007E-2</v>
      </c>
      <c r="F137" s="97">
        <v>3.7850741149580501E-2</v>
      </c>
      <c r="G137" s="181">
        <v>6.0999999999999999E-2</v>
      </c>
      <c r="H137" s="97">
        <v>3.5831272749951085E-2</v>
      </c>
      <c r="I137" s="181">
        <v>0.85399999999999998</v>
      </c>
      <c r="J137" s="97">
        <v>5.0658607156060478E-2</v>
      </c>
      <c r="K137" s="96">
        <v>1.6E-2</v>
      </c>
      <c r="L137" s="97">
        <v>2.2218362423724537E-2</v>
      </c>
    </row>
    <row r="138" spans="1:12">
      <c r="A138" s="57" t="s">
        <v>448</v>
      </c>
      <c r="B138" s="175">
        <v>240</v>
      </c>
      <c r="C138" s="176">
        <v>5.5</v>
      </c>
      <c r="D138" s="85">
        <v>0.15679999999999999</v>
      </c>
      <c r="E138" s="180">
        <v>9.4E-2</v>
      </c>
      <c r="F138" s="94">
        <v>3.8522754649303555E-2</v>
      </c>
      <c r="G138" s="180">
        <v>8.5000000000000006E-2</v>
      </c>
      <c r="H138" s="94">
        <v>3.6970399482262301E-2</v>
      </c>
      <c r="I138" s="180">
        <v>0.81499999999999995</v>
      </c>
      <c r="J138" s="94">
        <v>5.0245562966942867E-2</v>
      </c>
      <c r="K138" s="93">
        <v>6.0000000000000001E-3</v>
      </c>
      <c r="L138" s="94">
        <v>1.5095106623550828E-2</v>
      </c>
    </row>
    <row r="139" spans="1:12">
      <c r="A139" s="49" t="s">
        <v>449</v>
      </c>
      <c r="B139" s="177">
        <v>125</v>
      </c>
      <c r="C139" s="178">
        <v>5.61</v>
      </c>
      <c r="D139" s="179">
        <v>0.21559999999999999</v>
      </c>
      <c r="E139" s="181">
        <v>4.7E-2</v>
      </c>
      <c r="F139" s="97">
        <v>4.2158738432638759E-2</v>
      </c>
      <c r="G139" s="181">
        <v>0.13900000000000001</v>
      </c>
      <c r="H139" s="97">
        <v>6.2910203349575575E-2</v>
      </c>
      <c r="I139" s="181">
        <v>0.78400000000000003</v>
      </c>
      <c r="J139" s="97">
        <v>7.3509662560533748E-2</v>
      </c>
      <c r="K139" s="96">
        <v>0.03</v>
      </c>
      <c r="L139" s="97">
        <v>3.6338986996557354E-2</v>
      </c>
    </row>
    <row r="140" spans="1:12">
      <c r="A140" s="57" t="s">
        <v>450</v>
      </c>
      <c r="B140" s="175">
        <v>126</v>
      </c>
      <c r="C140" s="176">
        <v>4.5599999999999996</v>
      </c>
      <c r="D140" s="85">
        <v>0.25480000000000003</v>
      </c>
      <c r="E140" s="180">
        <v>0.247</v>
      </c>
      <c r="F140" s="94">
        <v>7.6433865862623407E-2</v>
      </c>
      <c r="G140" s="180">
        <v>0.16500000000000001</v>
      </c>
      <c r="H140" s="94">
        <v>6.6696766228942994E-2</v>
      </c>
      <c r="I140" s="180">
        <v>0.56799999999999995</v>
      </c>
      <c r="J140" s="94">
        <v>8.6940505934482756E-2</v>
      </c>
      <c r="K140" s="93">
        <v>0.02</v>
      </c>
      <c r="L140" s="94">
        <v>3.213449206595341E-2</v>
      </c>
    </row>
    <row r="141" spans="1:12">
      <c r="A141" s="49" t="s">
        <v>451</v>
      </c>
      <c r="B141" s="177">
        <v>168</v>
      </c>
      <c r="C141" s="178">
        <v>5.23</v>
      </c>
      <c r="D141" s="179">
        <v>0.21559999999999999</v>
      </c>
      <c r="E141" s="181">
        <v>0.13800000000000001</v>
      </c>
      <c r="F141" s="97">
        <v>5.3912115578228011E-2</v>
      </c>
      <c r="G141" s="181">
        <v>0.15</v>
      </c>
      <c r="H141" s="97">
        <v>5.5642426173526167E-2</v>
      </c>
      <c r="I141" s="181">
        <v>0.69399999999999995</v>
      </c>
      <c r="J141" s="97">
        <v>7.0561560924030875E-2</v>
      </c>
      <c r="K141" s="96">
        <v>1.7999999999999999E-2</v>
      </c>
      <c r="L141" s="97">
        <v>2.5679653960228397E-2</v>
      </c>
    </row>
    <row r="142" spans="1:12">
      <c r="A142" s="57" t="s">
        <v>457</v>
      </c>
      <c r="B142" s="175">
        <v>129</v>
      </c>
      <c r="C142" s="176">
        <v>4.96</v>
      </c>
      <c r="D142" s="85">
        <v>0.21559999999999999</v>
      </c>
      <c r="E142" s="180">
        <v>0.104</v>
      </c>
      <c r="F142" s="94">
        <v>5.5515275585610785E-2</v>
      </c>
      <c r="G142" s="180">
        <v>0.17199999999999999</v>
      </c>
      <c r="H142" s="94">
        <v>6.6894576804712433E-2</v>
      </c>
      <c r="I142" s="180">
        <v>0.67200000000000004</v>
      </c>
      <c r="J142" s="94">
        <v>8.1742071790103912E-2</v>
      </c>
      <c r="K142" s="93">
        <v>5.2999999999999999E-2</v>
      </c>
      <c r="L142" s="94">
        <v>4.3191775826261027E-2</v>
      </c>
    </row>
    <row r="143" spans="1:12">
      <c r="A143" s="49" t="s">
        <v>460</v>
      </c>
      <c r="B143" s="177">
        <v>195</v>
      </c>
      <c r="C143" s="178">
        <v>5.28</v>
      </c>
      <c r="D143" s="179">
        <v>0.1764</v>
      </c>
      <c r="E143" s="181">
        <v>6.2E-2</v>
      </c>
      <c r="F143" s="97">
        <v>3.63652080779827E-2</v>
      </c>
      <c r="G143" s="181">
        <v>0.17499999999999999</v>
      </c>
      <c r="H143" s="97">
        <v>5.4648912408690117E-2</v>
      </c>
      <c r="I143" s="181">
        <v>0.69399999999999995</v>
      </c>
      <c r="J143" s="97">
        <v>6.5564698024352594E-2</v>
      </c>
      <c r="K143" s="96">
        <v>6.9000000000000006E-2</v>
      </c>
      <c r="L143" s="97">
        <v>3.7945140469252285E-2</v>
      </c>
    </row>
    <row r="144" spans="1:12">
      <c r="A144" s="57" t="s">
        <v>458</v>
      </c>
      <c r="B144" s="175">
        <v>183</v>
      </c>
      <c r="C144" s="176">
        <v>4.95</v>
      </c>
      <c r="D144" s="85">
        <v>0.19600000000000001</v>
      </c>
      <c r="E144" s="180">
        <v>0.10299999999999999</v>
      </c>
      <c r="F144" s="94">
        <v>4.6032194573216341E-2</v>
      </c>
      <c r="G144" s="180">
        <v>0.223</v>
      </c>
      <c r="H144" s="94">
        <v>6.1447498020176947E-2</v>
      </c>
      <c r="I144" s="180">
        <v>0.59699999999999998</v>
      </c>
      <c r="J144" s="94">
        <v>7.1797281314469052E-2</v>
      </c>
      <c r="K144" s="93">
        <v>7.5999999999999998E-2</v>
      </c>
      <c r="L144" s="94">
        <v>4.0802824611753101E-2</v>
      </c>
    </row>
    <row r="147" spans="1:15" s="250" customFormat="1">
      <c r="A147" s="243"/>
      <c r="B147" s="256"/>
      <c r="C147" s="257"/>
      <c r="D147" s="249"/>
      <c r="E147" s="257"/>
      <c r="F147" s="249"/>
      <c r="G147" s="257"/>
      <c r="H147" s="249"/>
      <c r="I147"/>
      <c r="J147"/>
      <c r="K147"/>
      <c r="L147"/>
      <c r="M147"/>
      <c r="N147"/>
      <c r="O147"/>
    </row>
    <row r="148" spans="1:15" ht="18.75">
      <c r="A148" s="322" t="s">
        <v>30</v>
      </c>
      <c r="B148" s="322"/>
      <c r="C148" s="322"/>
      <c r="D148" s="322"/>
      <c r="E148" s="322"/>
      <c r="F148" s="322"/>
      <c r="G148" s="322"/>
      <c r="H148" s="322"/>
      <c r="I148" s="322"/>
      <c r="J148" s="322"/>
    </row>
    <row r="149" spans="1:15" ht="41.25" customHeight="1">
      <c r="A149" s="369" t="s">
        <v>386</v>
      </c>
      <c r="B149" s="369"/>
      <c r="C149" s="369"/>
      <c r="D149" s="369"/>
      <c r="E149" s="369"/>
      <c r="F149" s="369"/>
      <c r="G149" s="369"/>
      <c r="H149" s="369"/>
      <c r="I149" s="369"/>
      <c r="J149" s="369"/>
    </row>
    <row r="150" spans="1:15" ht="36" customHeight="1">
      <c r="A150" s="315" t="s">
        <v>244</v>
      </c>
      <c r="B150" s="316"/>
      <c r="C150" s="316"/>
      <c r="D150" s="316"/>
      <c r="E150" s="316"/>
      <c r="F150" s="316"/>
      <c r="G150" s="316"/>
      <c r="H150" s="316"/>
      <c r="I150" s="316"/>
      <c r="J150" s="316"/>
    </row>
    <row r="151" spans="1:15" ht="37.5" customHeight="1">
      <c r="A151" s="110" t="s">
        <v>85</v>
      </c>
      <c r="B151" s="38" t="s">
        <v>86</v>
      </c>
      <c r="C151" s="39" t="s">
        <v>87</v>
      </c>
      <c r="D151" s="40" t="s">
        <v>88</v>
      </c>
      <c r="E151" s="38" t="s">
        <v>243</v>
      </c>
      <c r="F151" s="89" t="s">
        <v>157</v>
      </c>
      <c r="G151" s="38" t="s">
        <v>158</v>
      </c>
      <c r="H151" s="89" t="s">
        <v>159</v>
      </c>
      <c r="I151" s="38" t="s">
        <v>387</v>
      </c>
      <c r="J151" s="89" t="s">
        <v>388</v>
      </c>
    </row>
    <row r="152" spans="1:15" ht="72">
      <c r="A152" s="111"/>
      <c r="B152" s="42" t="s">
        <v>89</v>
      </c>
      <c r="C152" s="128" t="s">
        <v>362</v>
      </c>
      <c r="D152" s="44" t="s">
        <v>91</v>
      </c>
      <c r="E152" s="42" t="s">
        <v>206</v>
      </c>
      <c r="F152" s="91" t="s">
        <v>104</v>
      </c>
      <c r="G152" s="42" t="s">
        <v>207</v>
      </c>
      <c r="H152" s="91" t="s">
        <v>104</v>
      </c>
      <c r="I152" s="42" t="s">
        <v>208</v>
      </c>
      <c r="J152" s="91" t="s">
        <v>104</v>
      </c>
    </row>
    <row r="153" spans="1:15">
      <c r="A153" s="45" t="s">
        <v>436</v>
      </c>
      <c r="B153" s="182">
        <v>8594</v>
      </c>
      <c r="C153" s="176">
        <v>3.51</v>
      </c>
      <c r="D153" s="85">
        <v>3.9199999999999999E-2</v>
      </c>
      <c r="E153" s="183">
        <v>0.52400000000000002</v>
      </c>
      <c r="F153" s="94">
        <v>1.0772112034339211E-2</v>
      </c>
      <c r="G153" s="183">
        <v>8.8999999999999996E-2</v>
      </c>
      <c r="H153" s="94">
        <v>6.1476042724389751E-3</v>
      </c>
      <c r="I153" s="183">
        <v>0.38700000000000001</v>
      </c>
      <c r="J153" s="94">
        <v>1.0505769483237995E-2</v>
      </c>
    </row>
    <row r="154" spans="1:15">
      <c r="A154" s="49" t="s">
        <v>437</v>
      </c>
      <c r="B154" s="49">
        <v>7992</v>
      </c>
      <c r="C154" s="178">
        <v>3.5379999999999998</v>
      </c>
      <c r="D154" s="179">
        <v>4.8744808000000001E-2</v>
      </c>
      <c r="E154" s="185">
        <v>0.51670000000000005</v>
      </c>
      <c r="F154" s="97">
        <v>1.1176902793613721E-2</v>
      </c>
      <c r="G154" s="185">
        <v>9.0499999999999997E-2</v>
      </c>
      <c r="H154" s="97">
        <v>6.4233457614908005E-3</v>
      </c>
      <c r="I154" s="185">
        <v>0.39279999999999998</v>
      </c>
      <c r="J154" s="97">
        <v>1.0923345966325047E-2</v>
      </c>
    </row>
    <row r="155" spans="1:15">
      <c r="A155" s="45" t="s">
        <v>438</v>
      </c>
      <c r="B155" s="53">
        <v>774</v>
      </c>
      <c r="C155" s="176">
        <v>2.84</v>
      </c>
      <c r="D155" s="85">
        <v>0.15679999999999999</v>
      </c>
      <c r="E155" s="183">
        <v>0.66269999999999996</v>
      </c>
      <c r="F155" s="94">
        <v>3.392114010610444E-2</v>
      </c>
      <c r="G155" s="183">
        <v>9.1899999999999996E-2</v>
      </c>
      <c r="H155" s="94">
        <v>2.0924953285398413E-2</v>
      </c>
      <c r="I155" s="183">
        <v>0.24540000000000001</v>
      </c>
      <c r="J155" s="94">
        <v>3.0911073050025682E-2</v>
      </c>
    </row>
    <row r="156" spans="1:15">
      <c r="A156" s="49" t="s">
        <v>439</v>
      </c>
      <c r="B156" s="49">
        <v>3263</v>
      </c>
      <c r="C156" s="178">
        <v>3.51</v>
      </c>
      <c r="D156" s="179">
        <v>7.8399999999999997E-2</v>
      </c>
      <c r="E156" s="185">
        <v>0.52400000000000002</v>
      </c>
      <c r="F156" s="97">
        <v>1.74753456873676E-2</v>
      </c>
      <c r="G156" s="185">
        <v>8.5000000000000006E-2</v>
      </c>
      <c r="H156" s="97">
        <v>9.7847337911991759E-3</v>
      </c>
      <c r="I156" s="185">
        <v>0.39100000000000001</v>
      </c>
      <c r="J156" s="97">
        <v>1.7075717711133705E-2</v>
      </c>
    </row>
    <row r="157" spans="1:15">
      <c r="A157" s="45" t="s">
        <v>440</v>
      </c>
      <c r="B157" s="53">
        <v>3029</v>
      </c>
      <c r="C157" s="176">
        <v>3.55</v>
      </c>
      <c r="D157" s="85">
        <v>7.8399999999999997E-2</v>
      </c>
      <c r="E157" s="183">
        <v>0.51300000000000001</v>
      </c>
      <c r="F157" s="94">
        <v>1.8151701491096205E-2</v>
      </c>
      <c r="G157" s="183">
        <v>8.4000000000000005E-2</v>
      </c>
      <c r="H157" s="94">
        <v>1.0103334257996956E-2</v>
      </c>
      <c r="I157" s="183">
        <v>0.40300000000000002</v>
      </c>
      <c r="J157" s="94">
        <v>1.7813770898928983E-2</v>
      </c>
    </row>
    <row r="158" spans="1:15">
      <c r="A158" s="49" t="s">
        <v>452</v>
      </c>
      <c r="B158" s="49">
        <v>522</v>
      </c>
      <c r="C158" s="178">
        <v>3.36</v>
      </c>
      <c r="D158" s="179">
        <v>0.19600000000000001</v>
      </c>
      <c r="E158" s="185">
        <v>0.55800000000000005</v>
      </c>
      <c r="F158" s="97">
        <v>4.3312198420489376E-2</v>
      </c>
      <c r="G158" s="185">
        <v>7.0999999999999994E-2</v>
      </c>
      <c r="H158" s="97">
        <v>2.2864697029119804E-2</v>
      </c>
      <c r="I158" s="185">
        <v>0.371</v>
      </c>
      <c r="J158" s="97">
        <v>4.2148671568258592E-2</v>
      </c>
    </row>
    <row r="159" spans="1:15">
      <c r="A159" s="45" t="s">
        <v>441</v>
      </c>
      <c r="B159" s="53">
        <v>138</v>
      </c>
      <c r="C159" s="176">
        <v>3.32</v>
      </c>
      <c r="D159" s="85">
        <v>0.39200000000000002</v>
      </c>
      <c r="E159" s="183">
        <v>0.53900000000000003</v>
      </c>
      <c r="F159" s="94">
        <v>8.3676688869779858E-2</v>
      </c>
      <c r="G159" s="183">
        <v>6.4000000000000001E-2</v>
      </c>
      <c r="H159" s="94">
        <v>4.4551851067312305E-2</v>
      </c>
      <c r="I159" s="183">
        <v>0.39700000000000002</v>
      </c>
      <c r="J159" s="94">
        <v>8.221926575397312E-2</v>
      </c>
    </row>
    <row r="160" spans="1:15">
      <c r="A160" s="49" t="s">
        <v>442</v>
      </c>
      <c r="B160" s="49">
        <v>92</v>
      </c>
      <c r="C160" s="178">
        <v>3.23</v>
      </c>
      <c r="D160" s="179">
        <v>0.47039999999999998</v>
      </c>
      <c r="E160" s="185">
        <v>0.61399999999999999</v>
      </c>
      <c r="F160" s="97">
        <v>9.9595941496127244E-2</v>
      </c>
      <c r="G160" s="185">
        <v>7.0999999999999994E-2</v>
      </c>
      <c r="H160" s="97">
        <v>5.8086226987341845E-2</v>
      </c>
      <c r="I160" s="185">
        <v>0.314</v>
      </c>
      <c r="J160" s="97">
        <v>9.5356117069121477E-2</v>
      </c>
    </row>
    <row r="161" spans="1:10">
      <c r="A161" s="45" t="s">
        <v>443</v>
      </c>
      <c r="B161" s="53">
        <v>106</v>
      </c>
      <c r="C161" s="176">
        <v>3.44</v>
      </c>
      <c r="D161" s="85">
        <v>0.41159999999999997</v>
      </c>
      <c r="E161" s="183">
        <v>0.51900000000000002</v>
      </c>
      <c r="F161" s="94">
        <v>9.528231299957228E-2</v>
      </c>
      <c r="G161" s="183">
        <v>0.11899999999999999</v>
      </c>
      <c r="H161" s="94">
        <v>6.4724370907188661E-2</v>
      </c>
      <c r="I161" s="183">
        <v>0.36199999999999999</v>
      </c>
      <c r="J161" s="94">
        <v>9.1912178643639417E-2</v>
      </c>
    </row>
    <row r="162" spans="1:10">
      <c r="A162" s="49" t="s">
        <v>444</v>
      </c>
      <c r="B162" s="49">
        <v>77</v>
      </c>
      <c r="C162" s="178">
        <v>3.21</v>
      </c>
      <c r="D162" s="179">
        <v>0.50960000000000005</v>
      </c>
      <c r="E162" s="185">
        <v>0.64700000000000002</v>
      </c>
      <c r="F162" s="97">
        <v>0.10668345362748553</v>
      </c>
      <c r="G162" s="185">
        <v>1.4E-2</v>
      </c>
      <c r="H162" s="97">
        <v>4.2488052060564448E-2</v>
      </c>
      <c r="I162" s="185">
        <v>0.33900000000000002</v>
      </c>
      <c r="J162" s="97">
        <v>0.10577775127222735</v>
      </c>
    </row>
    <row r="163" spans="1:10">
      <c r="A163" s="45" t="s">
        <v>445</v>
      </c>
      <c r="B163" s="182">
        <v>109</v>
      </c>
      <c r="C163" s="176">
        <v>3.54</v>
      </c>
      <c r="D163" s="85">
        <v>0.41159999999999997</v>
      </c>
      <c r="E163" s="183">
        <v>0.52</v>
      </c>
      <c r="F163" s="94">
        <v>9.4002036763886451E-2</v>
      </c>
      <c r="G163" s="183">
        <v>4.2000000000000003E-2</v>
      </c>
      <c r="H163" s="94">
        <v>4.405294766915438E-2</v>
      </c>
      <c r="I163" s="183">
        <v>0.438</v>
      </c>
      <c r="J163" s="94">
        <v>9.3396732035750787E-2</v>
      </c>
    </row>
    <row r="164" spans="1:10">
      <c r="A164" s="49" t="s">
        <v>453</v>
      </c>
      <c r="B164" s="184">
        <v>877</v>
      </c>
      <c r="C164" s="178">
        <v>3.55</v>
      </c>
      <c r="D164" s="179">
        <v>0.15679999999999999</v>
      </c>
      <c r="E164" s="185">
        <v>0.51800000000000002</v>
      </c>
      <c r="F164" s="97">
        <v>3.3669215195867123E-2</v>
      </c>
      <c r="G164" s="185">
        <v>7.9000000000000001E-2</v>
      </c>
      <c r="H164" s="97">
        <v>1.8374932240464693E-2</v>
      </c>
      <c r="I164" s="185">
        <v>0.40300000000000002</v>
      </c>
      <c r="J164" s="97">
        <v>3.3056635973756465E-2</v>
      </c>
    </row>
    <row r="165" spans="1:10">
      <c r="A165" s="45" t="s">
        <v>446</v>
      </c>
      <c r="B165" s="54">
        <v>102</v>
      </c>
      <c r="C165" s="176">
        <v>3.02</v>
      </c>
      <c r="D165" s="85">
        <v>0.45080000000000003</v>
      </c>
      <c r="E165" s="183">
        <v>0.625</v>
      </c>
      <c r="F165" s="94">
        <v>9.4276189068922323E-2</v>
      </c>
      <c r="G165" s="183">
        <v>0.11</v>
      </c>
      <c r="H165" s="94">
        <v>6.4182127574399492E-2</v>
      </c>
      <c r="I165" s="183">
        <v>0.26500000000000001</v>
      </c>
      <c r="J165" s="94">
        <v>8.6627435726133364E-2</v>
      </c>
    </row>
    <row r="166" spans="1:10">
      <c r="A166" s="49" t="s">
        <v>447</v>
      </c>
      <c r="B166" s="184">
        <v>175</v>
      </c>
      <c r="C166" s="178">
        <v>3.62</v>
      </c>
      <c r="D166" s="179">
        <v>0.31359999999999999</v>
      </c>
      <c r="E166" s="185">
        <v>0.51300000000000001</v>
      </c>
      <c r="F166" s="97">
        <v>7.4719358538146041E-2</v>
      </c>
      <c r="G166" s="185">
        <v>5.5E-2</v>
      </c>
      <c r="H166" s="97">
        <v>3.6837676100598307E-2</v>
      </c>
      <c r="I166" s="185">
        <v>0.432</v>
      </c>
      <c r="J166" s="97">
        <v>7.407988292525719E-2</v>
      </c>
    </row>
    <row r="167" spans="1:10">
      <c r="A167" s="57" t="s">
        <v>448</v>
      </c>
      <c r="B167" s="182">
        <v>223</v>
      </c>
      <c r="C167" s="176">
        <v>3.62</v>
      </c>
      <c r="D167" s="85">
        <v>0.31359999999999999</v>
      </c>
      <c r="E167" s="183">
        <v>0.52100000000000002</v>
      </c>
      <c r="F167" s="94">
        <v>6.6315811619816978E-2</v>
      </c>
      <c r="G167" s="183">
        <v>6.7000000000000004E-2</v>
      </c>
      <c r="H167" s="94">
        <v>3.488440966105439E-2</v>
      </c>
      <c r="I167" s="183">
        <v>0.41199999999999998</v>
      </c>
      <c r="J167" s="94">
        <v>6.5372738360241239E-2</v>
      </c>
    </row>
    <row r="168" spans="1:10">
      <c r="A168" s="49" t="s">
        <v>449</v>
      </c>
      <c r="B168" s="184">
        <v>112</v>
      </c>
      <c r="C168" s="178">
        <v>3.44</v>
      </c>
      <c r="D168" s="179">
        <v>0.41159999999999997</v>
      </c>
      <c r="E168" s="185">
        <v>0.501</v>
      </c>
      <c r="F168" s="97">
        <v>9.2847495978798406E-2</v>
      </c>
      <c r="G168" s="185">
        <v>0.111</v>
      </c>
      <c r="H168" s="97">
        <v>6.1289308621870736E-2</v>
      </c>
      <c r="I168" s="185">
        <v>0.38800000000000001</v>
      </c>
      <c r="J168" s="97">
        <v>9.0650177904913476E-2</v>
      </c>
    </row>
    <row r="169" spans="1:10">
      <c r="A169" s="57" t="s">
        <v>450</v>
      </c>
      <c r="B169" s="182">
        <v>113</v>
      </c>
      <c r="C169" s="176">
        <v>3.33</v>
      </c>
      <c r="D169" s="85">
        <v>0.45080000000000003</v>
      </c>
      <c r="E169" s="183">
        <v>0.55800000000000005</v>
      </c>
      <c r="F169" s="94">
        <v>9.1867999911779796E-2</v>
      </c>
      <c r="G169" s="183">
        <v>8.5999999999999993E-2</v>
      </c>
      <c r="H169" s="94">
        <v>5.5507927594108102E-2</v>
      </c>
      <c r="I169" s="183">
        <v>0.35499999999999998</v>
      </c>
      <c r="J169" s="94">
        <v>8.8749726348296115E-2</v>
      </c>
    </row>
    <row r="170" spans="1:10">
      <c r="A170" s="49" t="s">
        <v>451</v>
      </c>
      <c r="B170" s="184">
        <v>152</v>
      </c>
      <c r="C170" s="178">
        <v>3.81</v>
      </c>
      <c r="D170" s="179">
        <v>0.37240000000000001</v>
      </c>
      <c r="E170" s="185">
        <v>0.45</v>
      </c>
      <c r="F170" s="97">
        <v>7.9683116229982531E-2</v>
      </c>
      <c r="G170" s="185">
        <v>9.1999999999999998E-2</v>
      </c>
      <c r="H170" s="97">
        <v>4.8559551490566219E-2</v>
      </c>
      <c r="I170" s="185">
        <v>0.45900000000000002</v>
      </c>
      <c r="J170" s="97">
        <v>7.9808119234512073E-2</v>
      </c>
    </row>
    <row r="171" spans="1:10">
      <c r="A171" s="57" t="s">
        <v>457</v>
      </c>
      <c r="B171" s="182">
        <v>57</v>
      </c>
      <c r="C171" s="176">
        <v>2.61</v>
      </c>
      <c r="D171" s="85">
        <v>0.56839999999999991</v>
      </c>
      <c r="E171" s="183">
        <v>0.72399999999999998</v>
      </c>
      <c r="F171" s="94">
        <v>0.11627798975906976</v>
      </c>
      <c r="G171" s="183">
        <v>7.6999999999999999E-2</v>
      </c>
      <c r="H171" s="94">
        <v>7.841366478711867E-2</v>
      </c>
      <c r="I171" s="183">
        <v>0.19900000000000001</v>
      </c>
      <c r="J171" s="94">
        <v>0.10585840259988019</v>
      </c>
    </row>
    <row r="172" spans="1:10">
      <c r="A172" s="49" t="s">
        <v>460</v>
      </c>
      <c r="B172" s="184">
        <v>54</v>
      </c>
      <c r="C172" s="178">
        <v>3</v>
      </c>
      <c r="D172" s="179">
        <v>0.54880000000000007</v>
      </c>
      <c r="E172" s="185">
        <v>0.58199999999999996</v>
      </c>
      <c r="F172" s="97">
        <v>0.12976675821638003</v>
      </c>
      <c r="G172" s="185">
        <v>0.183</v>
      </c>
      <c r="H172" s="97">
        <v>0.10599076136209326</v>
      </c>
      <c r="I172" s="185">
        <v>0.23499999999999999</v>
      </c>
      <c r="J172" s="97">
        <v>0.11420707139233086</v>
      </c>
    </row>
    <row r="173" spans="1:10">
      <c r="A173" s="57" t="s">
        <v>458</v>
      </c>
      <c r="B173" s="182">
        <v>73</v>
      </c>
      <c r="C173" s="176">
        <v>3.14</v>
      </c>
      <c r="D173" s="85">
        <v>0.49</v>
      </c>
      <c r="E173" s="183">
        <v>0.66300000000000003</v>
      </c>
      <c r="F173" s="94">
        <v>0.10838117354086411</v>
      </c>
      <c r="G173" s="183">
        <v>7.4999999999999997E-2</v>
      </c>
      <c r="H173" s="94">
        <v>6.7479212430817351E-2</v>
      </c>
      <c r="I173" s="183">
        <v>0.26200000000000001</v>
      </c>
      <c r="J173" s="94">
        <v>0.10169683272978849</v>
      </c>
    </row>
    <row r="177" spans="1:12" ht="18.75">
      <c r="A177" s="322" t="s">
        <v>13</v>
      </c>
      <c r="B177" s="322"/>
      <c r="C177" s="322"/>
      <c r="D177" s="322"/>
      <c r="E177" s="322"/>
      <c r="F177" s="322"/>
      <c r="G177" s="322"/>
      <c r="H177" s="322"/>
      <c r="I177" s="322"/>
      <c r="J177" s="322"/>
      <c r="K177" s="322"/>
      <c r="L177" s="322"/>
    </row>
    <row r="178" spans="1:12" ht="43.5" customHeight="1">
      <c r="A178" s="369" t="s">
        <v>389</v>
      </c>
      <c r="B178" s="369"/>
      <c r="C178" s="369"/>
      <c r="D178" s="369"/>
      <c r="E178" s="369"/>
      <c r="F178" s="369"/>
      <c r="G178" s="369"/>
      <c r="H178" s="369"/>
      <c r="I178" s="369"/>
      <c r="J178" s="369"/>
      <c r="K178" s="369"/>
      <c r="L178" s="369"/>
    </row>
    <row r="179" spans="1:12" ht="36" customHeight="1">
      <c r="A179" s="367" t="s">
        <v>160</v>
      </c>
      <c r="B179" s="368"/>
      <c r="C179" s="368"/>
      <c r="D179" s="368"/>
      <c r="E179" s="368"/>
      <c r="F179" s="368"/>
      <c r="G179" s="368"/>
      <c r="H179" s="368"/>
      <c r="I179" s="368"/>
      <c r="J179" s="368"/>
      <c r="K179" s="368"/>
      <c r="L179" s="368"/>
    </row>
    <row r="180" spans="1:12" ht="39.75" customHeight="1">
      <c r="A180" s="37" t="s">
        <v>85</v>
      </c>
      <c r="B180" s="38" t="s">
        <v>86</v>
      </c>
      <c r="C180" s="39" t="s">
        <v>87</v>
      </c>
      <c r="D180" s="40" t="s">
        <v>88</v>
      </c>
      <c r="E180" s="38" t="s">
        <v>178</v>
      </c>
      <c r="F180" s="89" t="s">
        <v>101</v>
      </c>
      <c r="G180" s="38" t="s">
        <v>179</v>
      </c>
      <c r="H180" s="89" t="s">
        <v>102</v>
      </c>
      <c r="I180" s="38" t="s">
        <v>180</v>
      </c>
      <c r="J180" s="89" t="s">
        <v>103</v>
      </c>
      <c r="K180" s="38" t="s">
        <v>357</v>
      </c>
      <c r="L180" s="89" t="s">
        <v>356</v>
      </c>
    </row>
    <row r="181" spans="1:12" ht="72">
      <c r="A181" s="41"/>
      <c r="B181" s="42" t="s">
        <v>89</v>
      </c>
      <c r="C181" s="128" t="s">
        <v>361</v>
      </c>
      <c r="D181" s="44" t="s">
        <v>91</v>
      </c>
      <c r="E181" s="42" t="s">
        <v>181</v>
      </c>
      <c r="F181" s="91" t="s">
        <v>161</v>
      </c>
      <c r="G181" s="42" t="s">
        <v>182</v>
      </c>
      <c r="H181" s="91" t="s">
        <v>104</v>
      </c>
      <c r="I181" s="42" t="s">
        <v>183</v>
      </c>
      <c r="J181" s="91" t="s">
        <v>104</v>
      </c>
      <c r="K181" s="42" t="s">
        <v>357</v>
      </c>
      <c r="L181" s="91" t="s">
        <v>104</v>
      </c>
    </row>
    <row r="182" spans="1:12">
      <c r="A182" s="45" t="s">
        <v>436</v>
      </c>
      <c r="B182" s="186">
        <v>9355</v>
      </c>
      <c r="C182" s="176">
        <v>5.53</v>
      </c>
      <c r="D182" s="85">
        <v>1.9599999999999999E-2</v>
      </c>
      <c r="E182" s="183">
        <v>0.10299999999999999</v>
      </c>
      <c r="F182" s="94">
        <v>6.2884910624138122E-3</v>
      </c>
      <c r="G182" s="183">
        <v>0.10299999999999999</v>
      </c>
      <c r="H182" s="94">
        <v>6.2884910624138122E-3</v>
      </c>
      <c r="I182" s="183">
        <v>0.78500000000000003</v>
      </c>
      <c r="J182" s="94">
        <v>8.4949068833350856E-3</v>
      </c>
      <c r="K182" s="183">
        <v>8.9999999999999993E-3</v>
      </c>
      <c r="L182" s="94">
        <v>1.9748423193708372E-3</v>
      </c>
    </row>
    <row r="183" spans="1:12">
      <c r="A183" s="49" t="s">
        <v>437</v>
      </c>
      <c r="B183" s="49">
        <v>8720</v>
      </c>
      <c r="C183" s="178">
        <v>5.49</v>
      </c>
      <c r="D183" s="179">
        <v>3.1657919999999999E-2</v>
      </c>
      <c r="E183" s="185">
        <v>0.113</v>
      </c>
      <c r="F183" s="97">
        <v>6.7837599134595167E-3</v>
      </c>
      <c r="G183" s="185">
        <v>9.9900000000000003E-2</v>
      </c>
      <c r="H183" s="97">
        <v>6.4262026441540025E-3</v>
      </c>
      <c r="I183" s="185">
        <v>0.77959999999999996</v>
      </c>
      <c r="J183" s="97">
        <v>8.8777811750262552E-3</v>
      </c>
      <c r="K183" s="185">
        <v>0.01</v>
      </c>
      <c r="L183" s="97">
        <v>2.1540961222383994E-3</v>
      </c>
    </row>
    <row r="184" spans="1:12">
      <c r="A184" s="45" t="s">
        <v>438</v>
      </c>
      <c r="B184" s="53">
        <v>834</v>
      </c>
      <c r="C184" s="176">
        <v>5.35</v>
      </c>
      <c r="D184" s="85">
        <v>9.8000000000000004E-2</v>
      </c>
      <c r="E184" s="183">
        <v>0.1147</v>
      </c>
      <c r="F184" s="94">
        <v>2.2168563334956089E-2</v>
      </c>
      <c r="G184" s="183">
        <v>0.1343</v>
      </c>
      <c r="H184" s="94">
        <v>2.3686212780974557E-2</v>
      </c>
      <c r="I184" s="183">
        <v>0.73809999999999998</v>
      </c>
      <c r="J184" s="94">
        <v>3.0418583929971529E-2</v>
      </c>
      <c r="K184" s="183">
        <v>1.29E-2</v>
      </c>
      <c r="L184" s="94">
        <v>8.4597198687637407E-3</v>
      </c>
    </row>
    <row r="185" spans="1:12">
      <c r="A185" s="49" t="s">
        <v>439</v>
      </c>
      <c r="B185" s="49">
        <v>3531</v>
      </c>
      <c r="C185" s="178">
        <v>5.66</v>
      </c>
      <c r="D185" s="179">
        <v>3.9199999999999999E-2</v>
      </c>
      <c r="E185" s="185">
        <v>7.8E-2</v>
      </c>
      <c r="F185" s="97">
        <v>9.0460891820817197E-3</v>
      </c>
      <c r="G185" s="185">
        <v>9.7000000000000003E-2</v>
      </c>
      <c r="H185" s="97">
        <v>9.9763985799870853E-3</v>
      </c>
      <c r="I185" s="185">
        <v>0.81699999999999995</v>
      </c>
      <c r="J185" s="97">
        <v>1.3016724584176791E-2</v>
      </c>
      <c r="K185" s="185">
        <v>8.0000000000000002E-3</v>
      </c>
      <c r="L185" s="97">
        <v>3.0982955750624014E-3</v>
      </c>
    </row>
    <row r="186" spans="1:12">
      <c r="A186" s="45" t="s">
        <v>440</v>
      </c>
      <c r="B186" s="53">
        <v>3275</v>
      </c>
      <c r="C186" s="176">
        <v>5.61</v>
      </c>
      <c r="D186" s="85">
        <v>3.9199999999999999E-2</v>
      </c>
      <c r="E186" s="183">
        <v>8.4000000000000005E-2</v>
      </c>
      <c r="F186" s="94">
        <v>9.7148084962761436E-3</v>
      </c>
      <c r="G186" s="183">
        <v>0.105</v>
      </c>
      <c r="H186" s="94">
        <v>1.0728592315921095E-2</v>
      </c>
      <c r="I186" s="183">
        <v>0.80300000000000005</v>
      </c>
      <c r="J186" s="94">
        <v>1.390135841754948E-2</v>
      </c>
      <c r="K186" s="183">
        <v>8.9999999999999993E-3</v>
      </c>
      <c r="L186" s="94">
        <v>3.405469472939719E-3</v>
      </c>
    </row>
    <row r="187" spans="1:12">
      <c r="A187" s="49" t="s">
        <v>452</v>
      </c>
      <c r="B187" s="49">
        <v>572</v>
      </c>
      <c r="C187" s="178">
        <v>5.65</v>
      </c>
      <c r="D187" s="179">
        <v>0.1176</v>
      </c>
      <c r="E187" s="185">
        <v>8.3000000000000004E-2</v>
      </c>
      <c r="F187" s="97">
        <v>2.3350847466970727E-2</v>
      </c>
      <c r="G187" s="185">
        <v>0.1</v>
      </c>
      <c r="H187" s="97">
        <v>2.5305701236858925E-2</v>
      </c>
      <c r="I187" s="185">
        <v>0.80100000000000005</v>
      </c>
      <c r="J187" s="97">
        <v>3.3401282614369136E-2</v>
      </c>
      <c r="K187" s="185">
        <v>1.6E-2</v>
      </c>
      <c r="L187" s="97">
        <v>1.1482552733402849E-2</v>
      </c>
    </row>
    <row r="188" spans="1:12">
      <c r="A188" s="45" t="s">
        <v>441</v>
      </c>
      <c r="B188" s="53">
        <v>147</v>
      </c>
      <c r="C188" s="176">
        <v>5.67</v>
      </c>
      <c r="D188" s="85">
        <v>0.21559999999999999</v>
      </c>
      <c r="E188" s="183">
        <v>5.0999999999999997E-2</v>
      </c>
      <c r="F188" s="94">
        <v>3.9513055768729877E-2</v>
      </c>
      <c r="G188" s="183">
        <v>0.109</v>
      </c>
      <c r="H188" s="94">
        <v>5.2767483320227425E-2</v>
      </c>
      <c r="I188" s="183">
        <v>0.82199999999999995</v>
      </c>
      <c r="J188" s="94">
        <v>6.3399591479734396E-2</v>
      </c>
      <c r="K188" s="183">
        <v>1.7999999999999999E-2</v>
      </c>
      <c r="L188" s="94">
        <v>2.8106481096400803E-2</v>
      </c>
    </row>
    <row r="189" spans="1:12">
      <c r="A189" s="49" t="s">
        <v>442</v>
      </c>
      <c r="B189" s="49">
        <v>108</v>
      </c>
      <c r="C189" s="178">
        <v>5.57</v>
      </c>
      <c r="D189" s="179">
        <v>0.25480000000000003</v>
      </c>
      <c r="E189" s="185">
        <v>0.188</v>
      </c>
      <c r="F189" s="97">
        <v>7.5471134404352797E-2</v>
      </c>
      <c r="G189" s="185">
        <v>3.2000000000000001E-2</v>
      </c>
      <c r="H189" s="97">
        <v>4.0682219739284771E-2</v>
      </c>
      <c r="I189" s="185">
        <v>0.77200000000000002</v>
      </c>
      <c r="J189" s="97">
        <v>8.0446567022916485E-2</v>
      </c>
      <c r="K189" s="185">
        <v>8.0000000000000002E-3</v>
      </c>
      <c r="L189" s="97">
        <v>2.9831389635418846E-2</v>
      </c>
    </row>
    <row r="190" spans="1:12">
      <c r="A190" s="45" t="s">
        <v>443</v>
      </c>
      <c r="B190" s="53">
        <v>117</v>
      </c>
      <c r="C190" s="176">
        <v>5.39</v>
      </c>
      <c r="D190" s="85">
        <v>0.25480000000000003</v>
      </c>
      <c r="E190" s="183">
        <v>0.08</v>
      </c>
      <c r="F190" s="94">
        <v>5.3030487473182911E-2</v>
      </c>
      <c r="G190" s="183">
        <v>0.159</v>
      </c>
      <c r="H190" s="94">
        <v>6.8340403600593819E-2</v>
      </c>
      <c r="I190" s="183">
        <v>0.73799999999999999</v>
      </c>
      <c r="J190" s="94">
        <v>8.070744147663797E-2</v>
      </c>
      <c r="K190" s="183">
        <v>2.3E-2</v>
      </c>
      <c r="L190" s="94">
        <v>3.5098723143098004E-2</v>
      </c>
    </row>
    <row r="191" spans="1:12">
      <c r="A191" s="49" t="s">
        <v>444</v>
      </c>
      <c r="B191" s="49">
        <v>81</v>
      </c>
      <c r="C191" s="178">
        <v>6.37</v>
      </c>
      <c r="D191" s="179">
        <v>0.23519999999999999</v>
      </c>
      <c r="E191" s="185">
        <v>0.03</v>
      </c>
      <c r="F191" s="97">
        <v>4.8215886043978314E-2</v>
      </c>
      <c r="G191" s="185">
        <v>5.5E-2</v>
      </c>
      <c r="H191" s="97">
        <v>5.7465739844291763E-2</v>
      </c>
      <c r="I191" s="185">
        <v>0.91500000000000004</v>
      </c>
      <c r="J191" s="97">
        <v>6.6369026738055475E-2</v>
      </c>
      <c r="K191" s="185">
        <v>0</v>
      </c>
      <c r="L191" s="97">
        <v>3.2881805121991139E-2</v>
      </c>
    </row>
    <row r="192" spans="1:12">
      <c r="A192" s="45" t="s">
        <v>445</v>
      </c>
      <c r="B192" s="186">
        <v>119</v>
      </c>
      <c r="C192" s="176">
        <v>5.65</v>
      </c>
      <c r="D192" s="85">
        <v>0.21559999999999999</v>
      </c>
      <c r="E192" s="183">
        <v>4.9000000000000002E-2</v>
      </c>
      <c r="F192" s="94">
        <v>4.403000537225038E-2</v>
      </c>
      <c r="G192" s="183">
        <v>0.10199999999999999</v>
      </c>
      <c r="H192" s="94">
        <v>5.7518092063004983E-2</v>
      </c>
      <c r="I192" s="183">
        <v>0.82899999999999996</v>
      </c>
      <c r="J192" s="94">
        <v>6.953611506842014E-2</v>
      </c>
      <c r="K192" s="183">
        <v>0.02</v>
      </c>
      <c r="L192" s="94">
        <v>3.3418607040508266E-2</v>
      </c>
    </row>
    <row r="193" spans="1:12">
      <c r="A193" s="49" t="s">
        <v>453</v>
      </c>
      <c r="B193" s="187">
        <v>942</v>
      </c>
      <c r="C193" s="178">
        <v>5.65</v>
      </c>
      <c r="D193" s="179">
        <v>7.8399999999999997E-2</v>
      </c>
      <c r="E193" s="185">
        <v>6.9000000000000006E-2</v>
      </c>
      <c r="F193" s="97">
        <v>1.6680887059831024E-2</v>
      </c>
      <c r="G193" s="185">
        <v>0.10299999999999999</v>
      </c>
      <c r="H193" s="97">
        <v>1.9906868555574671E-2</v>
      </c>
      <c r="I193" s="185">
        <v>0.82099999999999995</v>
      </c>
      <c r="J193" s="97">
        <v>2.5001356446685295E-2</v>
      </c>
      <c r="K193" s="185">
        <v>7.0000000000000001E-3</v>
      </c>
      <c r="L193" s="97">
        <v>6.1695690639883968E-3</v>
      </c>
    </row>
    <row r="194" spans="1:12">
      <c r="A194" s="45" t="s">
        <v>446</v>
      </c>
      <c r="B194" s="83">
        <v>103</v>
      </c>
      <c r="C194" s="176">
        <v>5.76</v>
      </c>
      <c r="D194" s="85">
        <v>0.29399999999999998</v>
      </c>
      <c r="E194" s="183">
        <v>0.10199999999999999</v>
      </c>
      <c r="F194" s="94">
        <v>6.2117741628170145E-2</v>
      </c>
      <c r="G194" s="183">
        <v>3.2000000000000001E-2</v>
      </c>
      <c r="H194" s="94">
        <v>4.1936997560666787E-2</v>
      </c>
      <c r="I194" s="183">
        <v>0.86499999999999999</v>
      </c>
      <c r="J194" s="94">
        <v>6.8780992121134588E-2</v>
      </c>
      <c r="K194" s="183">
        <v>0</v>
      </c>
      <c r="L194" s="94">
        <v>2.6185687246820841E-2</v>
      </c>
    </row>
    <row r="195" spans="1:12">
      <c r="A195" s="49" t="s">
        <v>447</v>
      </c>
      <c r="B195" s="187">
        <v>193</v>
      </c>
      <c r="C195" s="178">
        <v>5.35</v>
      </c>
      <c r="D195" s="179">
        <v>0.19600000000000001</v>
      </c>
      <c r="E195" s="185">
        <v>9.7000000000000003E-2</v>
      </c>
      <c r="F195" s="97">
        <v>4.3715585643807529E-2</v>
      </c>
      <c r="G195" s="185">
        <v>0.121</v>
      </c>
      <c r="H195" s="97">
        <v>4.7715935549737701E-2</v>
      </c>
      <c r="I195" s="185">
        <v>0.78200000000000003</v>
      </c>
      <c r="J195" s="97">
        <v>5.9383057492176823E-2</v>
      </c>
      <c r="K195" s="185">
        <v>0</v>
      </c>
      <c r="L195" s="97">
        <v>1.4284431472802155E-2</v>
      </c>
    </row>
    <row r="196" spans="1:12">
      <c r="A196" s="57" t="s">
        <v>448</v>
      </c>
      <c r="B196" s="186">
        <v>233</v>
      </c>
      <c r="C196" s="176">
        <v>5.91</v>
      </c>
      <c r="D196" s="85">
        <v>0.13720000000000002</v>
      </c>
      <c r="E196" s="183">
        <v>1.0999999999999999E-2</v>
      </c>
      <c r="F196" s="94">
        <v>1.7851936845600748E-2</v>
      </c>
      <c r="G196" s="183">
        <v>0.12</v>
      </c>
      <c r="H196" s="94">
        <v>4.3172332246819579E-2</v>
      </c>
      <c r="I196" s="183">
        <v>0.85699999999999998</v>
      </c>
      <c r="J196" s="94">
        <v>4.6264105434581142E-2</v>
      </c>
      <c r="K196" s="183">
        <v>1.2E-2</v>
      </c>
      <c r="L196" s="94">
        <v>1.8292872703754653E-2</v>
      </c>
    </row>
    <row r="197" spans="1:12">
      <c r="A197" s="49" t="s">
        <v>449</v>
      </c>
      <c r="B197" s="187">
        <v>124</v>
      </c>
      <c r="C197" s="178">
        <v>5.68</v>
      </c>
      <c r="D197" s="179">
        <v>0.25480000000000003</v>
      </c>
      <c r="E197" s="185">
        <v>0.14199999999999999</v>
      </c>
      <c r="F197" s="97">
        <v>6.3669333729961294E-2</v>
      </c>
      <c r="G197" s="185">
        <v>7.0000000000000001E-3</v>
      </c>
      <c r="H197" s="97">
        <v>2.6163076296171612E-2</v>
      </c>
      <c r="I197" s="185">
        <v>0.83599999999999997</v>
      </c>
      <c r="J197" s="97">
        <v>6.7093626280742946E-2</v>
      </c>
      <c r="K197" s="185">
        <v>1.4999999999999999E-2</v>
      </c>
      <c r="L197" s="97">
        <v>3.0231838859231617E-2</v>
      </c>
    </row>
    <row r="198" spans="1:12">
      <c r="A198" s="57" t="s">
        <v>450</v>
      </c>
      <c r="B198" s="186">
        <v>123</v>
      </c>
      <c r="C198" s="176">
        <v>5.51</v>
      </c>
      <c r="D198" s="85">
        <v>0.21559999999999999</v>
      </c>
      <c r="E198" s="183">
        <v>9.0999999999999998E-2</v>
      </c>
      <c r="F198" s="94">
        <v>5.41477834134955E-2</v>
      </c>
      <c r="G198" s="183">
        <v>0.13100000000000001</v>
      </c>
      <c r="H198" s="94">
        <v>6.2059407373825939E-2</v>
      </c>
      <c r="I198" s="183">
        <v>0.77200000000000002</v>
      </c>
      <c r="J198" s="94">
        <v>7.5420713371602333E-2</v>
      </c>
      <c r="K198" s="183">
        <v>6.0000000000000001E-3</v>
      </c>
      <c r="L198" s="94">
        <v>2.5775690348270139E-2</v>
      </c>
    </row>
    <row r="199" spans="1:12">
      <c r="A199" s="49" t="s">
        <v>451</v>
      </c>
      <c r="B199" s="187">
        <v>166</v>
      </c>
      <c r="C199" s="178">
        <v>5.74</v>
      </c>
      <c r="D199" s="179">
        <v>0.19600000000000001</v>
      </c>
      <c r="E199" s="185">
        <v>4.1000000000000002E-2</v>
      </c>
      <c r="F199" s="97">
        <v>3.3995418376425897E-2</v>
      </c>
      <c r="G199" s="185">
        <v>0.114</v>
      </c>
      <c r="H199" s="97">
        <v>5.0394464526932303E-2</v>
      </c>
      <c r="I199" s="185">
        <v>0.83799999999999997</v>
      </c>
      <c r="J199" s="97">
        <v>5.7613098788778863E-2</v>
      </c>
      <c r="K199" s="185">
        <v>7.0000000000000001E-3</v>
      </c>
      <c r="L199" s="97">
        <v>2.0724546401053312E-2</v>
      </c>
    </row>
    <row r="200" spans="1:12">
      <c r="A200" s="57" t="s">
        <v>457</v>
      </c>
      <c r="B200" s="186">
        <v>60</v>
      </c>
      <c r="C200" s="176">
        <v>5.56</v>
      </c>
      <c r="D200" s="85">
        <v>0.29399999999999998</v>
      </c>
      <c r="E200" s="183">
        <v>2.1999999999999999E-2</v>
      </c>
      <c r="F200" s="94">
        <v>5.5443656295716105E-2</v>
      </c>
      <c r="G200" s="183">
        <v>0.23699999999999999</v>
      </c>
      <c r="H200" s="94">
        <v>0.10874480838002969</v>
      </c>
      <c r="I200" s="183">
        <v>0.74099999999999999</v>
      </c>
      <c r="J200" s="94">
        <v>0.11151015819583154</v>
      </c>
      <c r="K200" s="183">
        <v>0</v>
      </c>
      <c r="L200" s="94">
        <v>4.3498159084609543E-2</v>
      </c>
    </row>
    <row r="201" spans="1:12">
      <c r="A201" s="49" t="s">
        <v>460</v>
      </c>
      <c r="B201" s="187">
        <v>56</v>
      </c>
      <c r="C201" s="178">
        <v>5.79</v>
      </c>
      <c r="D201" s="179">
        <v>0.37240000000000001</v>
      </c>
      <c r="E201" s="185">
        <v>8.5999999999999993E-2</v>
      </c>
      <c r="F201" s="97">
        <v>8.1932915648514945E-2</v>
      </c>
      <c r="G201" s="185">
        <v>1.2E-2</v>
      </c>
      <c r="H201" s="97">
        <v>5.3260439074141797E-2</v>
      </c>
      <c r="I201" s="185">
        <v>0.90200000000000002</v>
      </c>
      <c r="J201" s="97">
        <v>8.5332666664062487E-2</v>
      </c>
      <c r="K201" s="185">
        <v>0</v>
      </c>
      <c r="L201" s="97">
        <v>4.6348119143587135E-2</v>
      </c>
    </row>
    <row r="202" spans="1:12">
      <c r="A202" s="57" t="s">
        <v>458</v>
      </c>
      <c r="B202" s="186">
        <v>81</v>
      </c>
      <c r="C202" s="176">
        <v>5.75</v>
      </c>
      <c r="D202" s="85">
        <v>0.31359999999999999</v>
      </c>
      <c r="E202" s="183">
        <v>7.9000000000000001E-2</v>
      </c>
      <c r="F202" s="94">
        <v>6.4734025914767013E-2</v>
      </c>
      <c r="G202" s="183">
        <v>5.1999999999999998E-2</v>
      </c>
      <c r="H202" s="94">
        <v>5.6460844372739585E-2</v>
      </c>
      <c r="I202" s="183">
        <v>0.85899999999999999</v>
      </c>
      <c r="J202" s="94">
        <v>7.9101889695436287E-2</v>
      </c>
      <c r="K202" s="183">
        <v>0.01</v>
      </c>
      <c r="L202" s="94">
        <v>3.8785041213614646E-2</v>
      </c>
    </row>
  </sheetData>
  <mergeCells count="23">
    <mergeCell ref="B34:H34"/>
    <mergeCell ref="I34:O34"/>
    <mergeCell ref="A61:D61"/>
    <mergeCell ref="A62:D62"/>
    <mergeCell ref="A63:D63"/>
    <mergeCell ref="A3:D3"/>
    <mergeCell ref="A4:D4"/>
    <mergeCell ref="A5:D5"/>
    <mergeCell ref="A32:O32"/>
    <mergeCell ref="A33:O33"/>
    <mergeCell ref="A179:L179"/>
    <mergeCell ref="A178:L178"/>
    <mergeCell ref="A177:L177"/>
    <mergeCell ref="A90:O90"/>
    <mergeCell ref="A91:O91"/>
    <mergeCell ref="B92:H92"/>
    <mergeCell ref="I92:O92"/>
    <mergeCell ref="A121:L121"/>
    <mergeCell ref="A120:L120"/>
    <mergeCell ref="A119:L119"/>
    <mergeCell ref="A150:J150"/>
    <mergeCell ref="A149:J149"/>
    <mergeCell ref="A148:J148"/>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89"/>
  <sheetViews>
    <sheetView zoomScaleNormal="100" workbookViewId="0">
      <selection activeCell="A265" sqref="A265:S265"/>
    </sheetView>
  </sheetViews>
  <sheetFormatPr defaultColWidth="17.5703125" defaultRowHeight="15"/>
  <cols>
    <col min="1" max="1" width="43.42578125" customWidth="1"/>
  </cols>
  <sheetData>
    <row r="1" spans="1:55" ht="31.5">
      <c r="A1" s="33" t="s">
        <v>48</v>
      </c>
    </row>
    <row r="3" spans="1:55" ht="18.75">
      <c r="A3" s="322" t="s">
        <v>272</v>
      </c>
      <c r="B3" s="322"/>
      <c r="C3" s="322"/>
      <c r="D3" s="322"/>
      <c r="E3" s="322"/>
      <c r="F3" s="322"/>
      <c r="G3" s="322"/>
      <c r="H3" s="322"/>
      <c r="I3" s="322"/>
      <c r="J3" s="322"/>
      <c r="K3" s="322"/>
      <c r="L3" s="322"/>
      <c r="M3" s="322"/>
      <c r="N3" s="322"/>
      <c r="O3" s="322"/>
      <c r="P3" s="322"/>
      <c r="Q3" s="322"/>
      <c r="R3" s="322"/>
      <c r="S3" s="322"/>
      <c r="T3" s="322"/>
      <c r="U3" s="322"/>
      <c r="V3" s="322"/>
      <c r="W3" s="322"/>
      <c r="X3" s="228"/>
      <c r="Y3" s="228"/>
      <c r="Z3" s="228"/>
      <c r="AA3" s="228"/>
      <c r="AB3" s="228"/>
      <c r="AC3" s="228"/>
      <c r="AD3" s="228"/>
      <c r="AE3" s="228"/>
      <c r="AF3" s="228"/>
      <c r="AG3" s="228"/>
      <c r="AH3" s="228"/>
      <c r="AI3" s="228"/>
      <c r="AJ3" s="228"/>
      <c r="AK3" s="228"/>
      <c r="AL3" s="228"/>
      <c r="AM3" s="228"/>
      <c r="AN3" s="228"/>
      <c r="AO3" s="228"/>
      <c r="AP3" s="228"/>
      <c r="AQ3" s="228"/>
      <c r="AR3" s="250"/>
      <c r="AS3" s="250"/>
      <c r="AT3" s="250"/>
      <c r="AU3" s="250"/>
      <c r="AV3" s="250"/>
      <c r="AW3" s="250"/>
    </row>
    <row r="4" spans="1:55" ht="34.5" customHeight="1">
      <c r="A4" s="385" t="s">
        <v>495</v>
      </c>
      <c r="B4" s="385"/>
      <c r="C4" s="385"/>
      <c r="D4" s="385"/>
      <c r="E4" s="385"/>
      <c r="F4" s="385"/>
      <c r="G4" s="385"/>
      <c r="H4" s="385"/>
      <c r="I4" s="385"/>
      <c r="J4" s="385"/>
      <c r="K4" s="385"/>
      <c r="L4" s="385"/>
      <c r="M4" s="385"/>
      <c r="N4" s="385"/>
      <c r="O4" s="385"/>
      <c r="P4" s="385"/>
      <c r="Q4" s="385"/>
      <c r="R4" s="385"/>
      <c r="S4" s="385"/>
      <c r="T4" s="385"/>
      <c r="U4" s="385"/>
      <c r="V4" s="385"/>
      <c r="W4" s="385"/>
      <c r="X4" s="260"/>
      <c r="Y4" s="260"/>
      <c r="Z4" s="260"/>
      <c r="AA4" s="260"/>
      <c r="AB4" s="260"/>
      <c r="AC4" s="260"/>
      <c r="AD4" s="260"/>
      <c r="AE4" s="260"/>
      <c r="AF4" s="260"/>
      <c r="AG4" s="260"/>
      <c r="AH4" s="260"/>
      <c r="AI4" s="260"/>
      <c r="AJ4" s="260"/>
      <c r="AK4" s="260"/>
      <c r="AL4" s="260"/>
      <c r="AM4" s="260"/>
      <c r="AN4" s="260"/>
      <c r="AO4" s="260"/>
      <c r="AP4" s="260"/>
      <c r="AQ4" s="260"/>
      <c r="AR4" s="250"/>
      <c r="AS4" s="250"/>
      <c r="AT4" s="250"/>
      <c r="AU4" s="250"/>
      <c r="AV4" s="250"/>
      <c r="AW4" s="250"/>
    </row>
    <row r="5" spans="1:55" ht="34.5" customHeight="1">
      <c r="A5" s="64"/>
      <c r="B5" s="364" t="s">
        <v>270</v>
      </c>
      <c r="C5" s="365"/>
      <c r="D5" s="365"/>
      <c r="E5" s="365"/>
      <c r="F5" s="365"/>
      <c r="G5" s="365"/>
      <c r="H5" s="365"/>
      <c r="I5" s="365"/>
      <c r="J5" s="365"/>
      <c r="K5" s="365"/>
      <c r="L5" s="366"/>
      <c r="M5" s="367" t="s">
        <v>271</v>
      </c>
      <c r="N5" s="368"/>
      <c r="O5" s="368"/>
      <c r="P5" s="368"/>
      <c r="Q5" s="368"/>
      <c r="R5" s="368"/>
      <c r="S5" s="368"/>
      <c r="T5" s="368"/>
      <c r="U5" s="368"/>
      <c r="V5" s="368"/>
      <c r="W5" s="368"/>
      <c r="X5" s="250"/>
      <c r="Y5" s="250"/>
      <c r="Z5" s="250"/>
      <c r="AA5" s="250"/>
      <c r="AB5" s="250"/>
      <c r="AC5" s="250"/>
      <c r="AD5" s="250"/>
      <c r="AE5" s="250"/>
      <c r="AF5" s="250"/>
      <c r="AG5" s="250"/>
      <c r="AH5" s="250"/>
      <c r="AI5" s="250"/>
      <c r="AJ5" s="250"/>
      <c r="AK5" s="250"/>
      <c r="AL5" s="250"/>
      <c r="AM5" s="250"/>
      <c r="AN5" s="250"/>
      <c r="AO5" s="250"/>
      <c r="AP5" s="250"/>
      <c r="AQ5" s="250"/>
      <c r="AR5" s="250"/>
      <c r="AS5" s="250"/>
      <c r="AT5" s="250"/>
      <c r="AU5" s="250"/>
      <c r="AV5" s="250"/>
      <c r="AW5" s="250"/>
      <c r="AX5" s="250"/>
      <c r="AY5" s="250"/>
      <c r="AZ5" s="250"/>
      <c r="BA5" s="250"/>
    </row>
    <row r="6" spans="1:55" ht="49.5" customHeight="1">
      <c r="A6" s="37" t="s">
        <v>85</v>
      </c>
      <c r="B6" s="38" t="s">
        <v>86</v>
      </c>
      <c r="C6" s="39" t="s">
        <v>87</v>
      </c>
      <c r="D6" s="40" t="s">
        <v>88</v>
      </c>
      <c r="E6" s="38" t="s">
        <v>368</v>
      </c>
      <c r="F6" s="89" t="s">
        <v>162</v>
      </c>
      <c r="G6" s="38" t="s">
        <v>369</v>
      </c>
      <c r="H6" s="89" t="s">
        <v>163</v>
      </c>
      <c r="I6" s="38" t="s">
        <v>370</v>
      </c>
      <c r="J6" s="89" t="s">
        <v>136</v>
      </c>
      <c r="K6" s="38" t="s">
        <v>357</v>
      </c>
      <c r="L6" s="89" t="s">
        <v>371</v>
      </c>
      <c r="M6" s="65" t="s">
        <v>86</v>
      </c>
      <c r="N6" s="66" t="s">
        <v>87</v>
      </c>
      <c r="O6" s="67" t="s">
        <v>88</v>
      </c>
      <c r="P6" s="65" t="s">
        <v>368</v>
      </c>
      <c r="Q6" s="88" t="s">
        <v>162</v>
      </c>
      <c r="R6" s="65" t="s">
        <v>372</v>
      </c>
      <c r="S6" s="88" t="s">
        <v>373</v>
      </c>
      <c r="T6" s="65" t="s">
        <v>370</v>
      </c>
      <c r="U6" s="88" t="s">
        <v>136</v>
      </c>
      <c r="V6" s="65" t="s">
        <v>357</v>
      </c>
      <c r="W6" s="88" t="s">
        <v>371</v>
      </c>
      <c r="X6" s="250"/>
      <c r="Y6" s="250"/>
      <c r="Z6" s="250"/>
      <c r="AA6" s="250"/>
      <c r="AB6" s="250"/>
      <c r="AC6" s="250"/>
      <c r="AD6" s="250"/>
      <c r="AE6" s="250"/>
      <c r="AF6" s="250"/>
      <c r="AG6" s="250"/>
      <c r="AH6" s="250"/>
      <c r="AI6" s="250"/>
      <c r="AJ6" s="250"/>
      <c r="AK6" s="250"/>
      <c r="AL6" s="250"/>
      <c r="AM6" s="250"/>
      <c r="AN6" s="250"/>
      <c r="AO6" s="250"/>
      <c r="AP6" s="250"/>
      <c r="AQ6" s="250"/>
      <c r="AR6" s="250"/>
      <c r="AS6" s="250"/>
      <c r="AT6" s="250"/>
      <c r="AU6" s="250"/>
      <c r="AV6" s="250"/>
      <c r="AW6" s="250"/>
      <c r="AX6" s="250"/>
      <c r="AY6" s="250"/>
      <c r="AZ6" s="250"/>
      <c r="BA6" s="250"/>
      <c r="BB6" s="250"/>
      <c r="BC6" s="250"/>
    </row>
    <row r="7" spans="1:55" ht="72">
      <c r="A7" s="41"/>
      <c r="B7" s="42" t="s">
        <v>89</v>
      </c>
      <c r="C7" s="128" t="s">
        <v>360</v>
      </c>
      <c r="D7" s="44" t="s">
        <v>91</v>
      </c>
      <c r="E7" s="42" t="s">
        <v>181</v>
      </c>
      <c r="F7" s="91" t="s">
        <v>104</v>
      </c>
      <c r="G7" s="42" t="s">
        <v>182</v>
      </c>
      <c r="H7" s="91" t="s">
        <v>104</v>
      </c>
      <c r="I7" s="42" t="s">
        <v>183</v>
      </c>
      <c r="J7" s="91" t="s">
        <v>104</v>
      </c>
      <c r="K7" s="42" t="s">
        <v>357</v>
      </c>
      <c r="L7" s="91" t="s">
        <v>104</v>
      </c>
      <c r="M7" s="68" t="s">
        <v>89</v>
      </c>
      <c r="N7" s="274" t="s">
        <v>360</v>
      </c>
      <c r="O7" s="70" t="s">
        <v>91</v>
      </c>
      <c r="P7" s="68" t="s">
        <v>181</v>
      </c>
      <c r="Q7" s="90" t="s">
        <v>104</v>
      </c>
      <c r="R7" s="68" t="s">
        <v>182</v>
      </c>
      <c r="S7" s="90" t="s">
        <v>104</v>
      </c>
      <c r="T7" s="68" t="s">
        <v>183</v>
      </c>
      <c r="U7" s="90" t="s">
        <v>104</v>
      </c>
      <c r="V7" s="68" t="s">
        <v>357</v>
      </c>
      <c r="W7" s="90" t="s">
        <v>104</v>
      </c>
    </row>
    <row r="8" spans="1:55">
      <c r="A8" s="45" t="s">
        <v>436</v>
      </c>
      <c r="B8" s="188">
        <v>10984</v>
      </c>
      <c r="C8" s="84">
        <v>4.8899999999999997</v>
      </c>
      <c r="D8" s="85">
        <v>3.9199999999999999E-2</v>
      </c>
      <c r="E8" s="190">
        <v>0.19600000000000001</v>
      </c>
      <c r="F8" s="94">
        <v>7.5756414386888137E-3</v>
      </c>
      <c r="G8" s="190">
        <v>0.16200000000000001</v>
      </c>
      <c r="H8" s="94">
        <v>7.0320697110495085E-3</v>
      </c>
      <c r="I8" s="190">
        <v>0.63100000000000001</v>
      </c>
      <c r="J8" s="94">
        <v>9.2068312446001097E-3</v>
      </c>
      <c r="K8" s="190">
        <v>1.0999999999999999E-2</v>
      </c>
      <c r="L8" s="94">
        <v>2.0059126667579716E-3</v>
      </c>
      <c r="M8" s="188">
        <v>11074</v>
      </c>
      <c r="N8" s="84">
        <v>5.4</v>
      </c>
      <c r="O8" s="85">
        <v>1.9599999999999999E-2</v>
      </c>
      <c r="P8" s="190">
        <v>7.4999999999999997E-2</v>
      </c>
      <c r="Q8" s="94">
        <v>5.0340808005329817E-3</v>
      </c>
      <c r="R8" s="190">
        <v>0.115</v>
      </c>
      <c r="S8" s="94">
        <v>6.0947779751367942E-3</v>
      </c>
      <c r="T8" s="190">
        <v>0.68500000000000005</v>
      </c>
      <c r="U8" s="94">
        <v>8.8701825986047169E-3</v>
      </c>
      <c r="V8" s="190">
        <v>0.126</v>
      </c>
      <c r="W8" s="94">
        <v>6.3394104173580719E-3</v>
      </c>
    </row>
    <row r="9" spans="1:55">
      <c r="A9" s="49" t="s">
        <v>437</v>
      </c>
      <c r="B9" s="49">
        <v>8836</v>
      </c>
      <c r="C9" s="172">
        <v>4.7</v>
      </c>
      <c r="D9" s="132">
        <v>3.9199999999999999E-2</v>
      </c>
      <c r="E9" s="191">
        <v>0.249</v>
      </c>
      <c r="F9" s="97">
        <v>9.2000393856238021E-3</v>
      </c>
      <c r="G9" s="191">
        <v>0.161</v>
      </c>
      <c r="H9" s="97">
        <v>7.8210464800530181E-3</v>
      </c>
      <c r="I9" s="191">
        <v>0.58499999999999996</v>
      </c>
      <c r="J9" s="97">
        <v>1.0481216488890508E-2</v>
      </c>
      <c r="K9" s="191">
        <v>5.0000000000000001E-3</v>
      </c>
      <c r="L9" s="97">
        <v>1.5334419795925037E-3</v>
      </c>
      <c r="M9" s="49">
        <v>8821</v>
      </c>
      <c r="N9" s="172">
        <v>5.47</v>
      </c>
      <c r="O9" s="132">
        <v>3.9199999999999999E-2</v>
      </c>
      <c r="P9" s="191">
        <v>7.0999999999999994E-2</v>
      </c>
      <c r="Q9" s="97">
        <v>5.4746719709409608E-3</v>
      </c>
      <c r="R9" s="191">
        <v>0.10100000000000001</v>
      </c>
      <c r="S9" s="97">
        <v>6.4203389805858871E-3</v>
      </c>
      <c r="T9" s="191">
        <v>0.69499999999999995</v>
      </c>
      <c r="U9" s="97">
        <v>9.8028026851548992E-3</v>
      </c>
      <c r="V9" s="191">
        <v>0.13300000000000001</v>
      </c>
      <c r="W9" s="97">
        <v>7.2333213841521459E-3</v>
      </c>
    </row>
    <row r="10" spans="1:55">
      <c r="A10" s="45" t="s">
        <v>438</v>
      </c>
      <c r="B10" s="53">
        <v>1982</v>
      </c>
      <c r="C10" s="84">
        <v>5.34</v>
      </c>
      <c r="D10" s="85">
        <v>5.8799999999999998E-2</v>
      </c>
      <c r="E10" s="190">
        <v>8.5500000000000007E-2</v>
      </c>
      <c r="F10" s="94">
        <v>1.2604538787916123E-2</v>
      </c>
      <c r="G10" s="190">
        <v>0.15870000000000001</v>
      </c>
      <c r="H10" s="94">
        <v>1.6427267436820155E-2</v>
      </c>
      <c r="I10" s="190">
        <v>0.73740000000000006</v>
      </c>
      <c r="J10" s="94">
        <v>1.9760297484259556E-2</v>
      </c>
      <c r="K10" s="190">
        <v>1.8499999999999999E-2</v>
      </c>
      <c r="L10" s="94">
        <v>6.2008536355848401E-3</v>
      </c>
      <c r="M10" s="53">
        <v>1982</v>
      </c>
      <c r="N10" s="84">
        <v>5.31</v>
      </c>
      <c r="O10" s="85">
        <v>5.8799999999999998E-2</v>
      </c>
      <c r="P10" s="190">
        <v>7.5800000000000006E-2</v>
      </c>
      <c r="Q10" s="94">
        <v>1.1939633879621185E-2</v>
      </c>
      <c r="R10" s="190">
        <v>0.125</v>
      </c>
      <c r="S10" s="94">
        <v>1.4880585078639935E-2</v>
      </c>
      <c r="T10" s="190">
        <v>0.68089999999999995</v>
      </c>
      <c r="U10" s="94">
        <v>2.0925556405062211E-2</v>
      </c>
      <c r="V10" s="190">
        <v>0.1183</v>
      </c>
      <c r="W10" s="94">
        <v>1.4534842448889567E-2</v>
      </c>
    </row>
    <row r="11" spans="1:55">
      <c r="A11" s="49" t="s">
        <v>439</v>
      </c>
      <c r="B11" s="49">
        <v>3913</v>
      </c>
      <c r="C11" s="172">
        <v>4.97</v>
      </c>
      <c r="D11" s="132">
        <v>5.8799999999999998E-2</v>
      </c>
      <c r="E11" s="191">
        <v>0.17499999999999999</v>
      </c>
      <c r="F11" s="97">
        <v>1.2151314576018863E-2</v>
      </c>
      <c r="G11" s="191">
        <v>0.157</v>
      </c>
      <c r="H11" s="97">
        <v>1.1636181773811625E-2</v>
      </c>
      <c r="I11" s="191">
        <v>0.65200000000000002</v>
      </c>
      <c r="J11" s="97">
        <v>1.5223403607622209E-2</v>
      </c>
      <c r="K11" s="191">
        <v>1.6E-2</v>
      </c>
      <c r="L11" s="97">
        <v>4.0701275850326566E-3</v>
      </c>
      <c r="M11" s="49">
        <v>3951</v>
      </c>
      <c r="N11" s="172">
        <v>5.54</v>
      </c>
      <c r="O11" s="132">
        <v>3.9199999999999999E-2</v>
      </c>
      <c r="P11" s="191">
        <v>4.7E-2</v>
      </c>
      <c r="Q11" s="97">
        <v>6.7990763658779974E-3</v>
      </c>
      <c r="R11" s="191">
        <v>0.106</v>
      </c>
      <c r="S11" s="97">
        <v>9.8600272181403707E-3</v>
      </c>
      <c r="T11" s="191">
        <v>0.70099999999999996</v>
      </c>
      <c r="U11" s="97">
        <v>1.4642347519863758E-2</v>
      </c>
      <c r="V11" s="191">
        <v>0.14599999999999999</v>
      </c>
      <c r="W11" s="97">
        <v>1.1302683455434909E-2</v>
      </c>
    </row>
    <row r="12" spans="1:55">
      <c r="A12" s="45" t="s">
        <v>440</v>
      </c>
      <c r="B12" s="53">
        <v>3275</v>
      </c>
      <c r="C12" s="84">
        <v>4.8899999999999997</v>
      </c>
      <c r="D12" s="85">
        <v>5.8799999999999998E-2</v>
      </c>
      <c r="E12" s="190">
        <v>0.2</v>
      </c>
      <c r="F12" s="94">
        <v>1.3980313139759535E-2</v>
      </c>
      <c r="G12" s="190">
        <v>0.16700000000000001</v>
      </c>
      <c r="H12" s="94">
        <v>1.3039521806134156E-2</v>
      </c>
      <c r="I12" s="190">
        <v>0.627</v>
      </c>
      <c r="J12" s="94">
        <v>1.6892113287936814E-2</v>
      </c>
      <c r="K12" s="190">
        <v>6.0000000000000001E-3</v>
      </c>
      <c r="L12" s="94">
        <v>2.8286488279217867E-3</v>
      </c>
      <c r="M12" s="53">
        <v>2790</v>
      </c>
      <c r="N12" s="84">
        <v>5.62</v>
      </c>
      <c r="O12" s="85">
        <v>3.9199999999999999E-2</v>
      </c>
      <c r="P12" s="190">
        <v>4.9000000000000002E-2</v>
      </c>
      <c r="Q12" s="94">
        <v>7.5842789574272935E-3</v>
      </c>
      <c r="R12" s="190">
        <v>8.4000000000000005E-2</v>
      </c>
      <c r="S12" s="94">
        <v>9.7207717506371787E-3</v>
      </c>
      <c r="T12" s="190">
        <v>0.70699999999999996</v>
      </c>
      <c r="U12" s="94">
        <v>1.5910267668195647E-2</v>
      </c>
      <c r="V12" s="190">
        <v>0.16</v>
      </c>
      <c r="W12" s="94">
        <v>1.282565221686064E-2</v>
      </c>
    </row>
    <row r="13" spans="1:55">
      <c r="A13" s="49" t="s">
        <v>452</v>
      </c>
      <c r="B13" s="49">
        <v>577</v>
      </c>
      <c r="C13" s="172">
        <v>4.59</v>
      </c>
      <c r="D13" s="132">
        <v>0.13720000000000002</v>
      </c>
      <c r="E13" s="191">
        <v>0.26400000000000001</v>
      </c>
      <c r="F13" s="97">
        <v>3.6646730372419556E-2</v>
      </c>
      <c r="G13" s="191">
        <v>0.17399999999999999</v>
      </c>
      <c r="H13" s="97">
        <v>3.1615407851819419E-2</v>
      </c>
      <c r="I13" s="191">
        <v>0.56200000000000006</v>
      </c>
      <c r="J13" s="97">
        <v>4.1171213581230055E-2</v>
      </c>
      <c r="K13" s="191">
        <v>1E-3</v>
      </c>
      <c r="L13" s="97">
        <v>5.5137336524369576E-3</v>
      </c>
      <c r="M13" s="49">
        <v>581</v>
      </c>
      <c r="N13" s="172">
        <v>5.6</v>
      </c>
      <c r="O13" s="132">
        <v>0.1176</v>
      </c>
      <c r="P13" s="191">
        <v>3.3000000000000002E-2</v>
      </c>
      <c r="Q13" s="97">
        <v>1.5516120937220613E-2</v>
      </c>
      <c r="R13" s="191">
        <v>9.2999999999999999E-2</v>
      </c>
      <c r="S13" s="97">
        <v>2.4442463774010232E-2</v>
      </c>
      <c r="T13" s="191">
        <v>0.65400000000000003</v>
      </c>
      <c r="U13" s="97">
        <v>3.9532613271514395E-2</v>
      </c>
      <c r="V13" s="191">
        <v>0.22</v>
      </c>
      <c r="W13" s="97">
        <v>3.4509134264680309E-2</v>
      </c>
    </row>
    <row r="14" spans="1:55">
      <c r="A14" s="45" t="s">
        <v>441</v>
      </c>
      <c r="B14" s="53">
        <v>148</v>
      </c>
      <c r="C14" s="84">
        <v>4.66</v>
      </c>
      <c r="D14" s="85">
        <v>0.29399999999999998</v>
      </c>
      <c r="E14" s="190">
        <v>0.34</v>
      </c>
      <c r="F14" s="94">
        <v>7.707304120958669E-2</v>
      </c>
      <c r="G14" s="190">
        <v>0.104</v>
      </c>
      <c r="H14" s="94">
        <v>5.1638642034985568E-2</v>
      </c>
      <c r="I14" s="190">
        <v>0.55500000000000005</v>
      </c>
      <c r="J14" s="94">
        <v>8.0644136350122145E-2</v>
      </c>
      <c r="K14" s="190">
        <v>0</v>
      </c>
      <c r="L14" s="94">
        <v>1.8485246281217643E-2</v>
      </c>
      <c r="M14" s="53">
        <v>149</v>
      </c>
      <c r="N14" s="84">
        <v>5.48</v>
      </c>
      <c r="O14" s="85">
        <v>0.21559999999999999</v>
      </c>
      <c r="P14" s="190">
        <v>3.1E-2</v>
      </c>
      <c r="Q14" s="94">
        <v>3.3312194612873013E-2</v>
      </c>
      <c r="R14" s="190">
        <v>0.10100000000000001</v>
      </c>
      <c r="S14" s="94">
        <v>5.1426714302976816E-2</v>
      </c>
      <c r="T14" s="190">
        <v>0.68200000000000005</v>
      </c>
      <c r="U14" s="94">
        <v>7.6353399136539449E-2</v>
      </c>
      <c r="V14" s="190">
        <v>0.187</v>
      </c>
      <c r="W14" s="94">
        <v>6.474284444145445E-2</v>
      </c>
    </row>
    <row r="15" spans="1:55">
      <c r="A15" s="49" t="s">
        <v>442</v>
      </c>
      <c r="B15" s="49">
        <v>108</v>
      </c>
      <c r="C15" s="172">
        <v>4.3899999999999997</v>
      </c>
      <c r="D15" s="132">
        <v>0.3332</v>
      </c>
      <c r="E15" s="191">
        <v>0.32100000000000001</v>
      </c>
      <c r="F15" s="97">
        <v>8.8682172116153465E-2</v>
      </c>
      <c r="G15" s="191">
        <v>0.13700000000000001</v>
      </c>
      <c r="H15" s="97">
        <v>6.7473539449732695E-2</v>
      </c>
      <c r="I15" s="191">
        <v>0.54200000000000004</v>
      </c>
      <c r="J15" s="97">
        <v>9.4180630022465711E-2</v>
      </c>
      <c r="K15" s="191">
        <v>0</v>
      </c>
      <c r="L15" s="97">
        <v>2.5027317436669111E-2</v>
      </c>
      <c r="M15" s="49">
        <v>109</v>
      </c>
      <c r="N15" s="172">
        <v>5.63</v>
      </c>
      <c r="O15" s="132">
        <v>0.31359999999999999</v>
      </c>
      <c r="P15" s="191">
        <v>7.0000000000000007E-2</v>
      </c>
      <c r="Q15" s="97">
        <v>5.2531854431186228E-2</v>
      </c>
      <c r="R15" s="191">
        <v>4.2000000000000003E-2</v>
      </c>
      <c r="S15" s="97">
        <v>4.405294766915438E-2</v>
      </c>
      <c r="T15" s="191">
        <v>0.52600000000000002</v>
      </c>
      <c r="U15" s="97">
        <v>9.3953671760965918E-2</v>
      </c>
      <c r="V15" s="191">
        <v>0.36299999999999999</v>
      </c>
      <c r="W15" s="97">
        <v>9.0726909210938997E-2</v>
      </c>
    </row>
    <row r="16" spans="1:55">
      <c r="A16" s="45" t="s">
        <v>443</v>
      </c>
      <c r="B16" s="53">
        <v>122</v>
      </c>
      <c r="C16" s="84">
        <v>4.76</v>
      </c>
      <c r="D16" s="85">
        <v>0.27440000000000003</v>
      </c>
      <c r="E16" s="190">
        <v>0.23</v>
      </c>
      <c r="F16" s="94">
        <v>7.5939638109595919E-2</v>
      </c>
      <c r="G16" s="190">
        <v>0.13500000000000001</v>
      </c>
      <c r="H16" s="94">
        <v>6.301913657472602E-2</v>
      </c>
      <c r="I16" s="190">
        <v>0.63500000000000001</v>
      </c>
      <c r="J16" s="94">
        <v>8.5988883650359421E-2</v>
      </c>
      <c r="K16" s="190">
        <v>0</v>
      </c>
      <c r="L16" s="94">
        <v>2.226896426705402E-2</v>
      </c>
      <c r="M16" s="53">
        <v>122</v>
      </c>
      <c r="N16" s="84">
        <v>5.53</v>
      </c>
      <c r="O16" s="85">
        <v>0.21559999999999999</v>
      </c>
      <c r="P16" s="190">
        <v>3.3000000000000002E-2</v>
      </c>
      <c r="Q16" s="94">
        <v>3.8218476312485303E-2</v>
      </c>
      <c r="R16" s="190">
        <v>0.11899999999999999</v>
      </c>
      <c r="S16" s="94">
        <v>6.0393551744801363E-2</v>
      </c>
      <c r="T16" s="190">
        <v>0.69199999999999995</v>
      </c>
      <c r="U16" s="94">
        <v>8.3033978059876182E-2</v>
      </c>
      <c r="V16" s="190">
        <v>0.157</v>
      </c>
      <c r="W16" s="94">
        <v>6.6875421715066594E-2</v>
      </c>
    </row>
    <row r="17" spans="1:23">
      <c r="A17" s="49" t="s">
        <v>444</v>
      </c>
      <c r="B17" s="49">
        <v>82</v>
      </c>
      <c r="C17" s="172">
        <v>4.9400000000000004</v>
      </c>
      <c r="D17" s="132">
        <v>0.3332</v>
      </c>
      <c r="E17" s="191">
        <v>0.13100000000000001</v>
      </c>
      <c r="F17" s="97">
        <v>7.6617618397164758E-2</v>
      </c>
      <c r="G17" s="191">
        <v>0.24399999999999999</v>
      </c>
      <c r="H17" s="97">
        <v>9.4109929782251509E-2</v>
      </c>
      <c r="I17" s="191">
        <v>0.625</v>
      </c>
      <c r="J17" s="97">
        <v>0.10472437496789015</v>
      </c>
      <c r="K17" s="191">
        <v>0</v>
      </c>
      <c r="L17" s="97">
        <v>3.2504011252172456E-2</v>
      </c>
      <c r="M17" s="49">
        <v>82</v>
      </c>
      <c r="N17" s="172">
        <v>5.63</v>
      </c>
      <c r="O17" s="132">
        <v>0.29399999999999998</v>
      </c>
      <c r="P17" s="191">
        <v>2.4E-2</v>
      </c>
      <c r="Q17" s="97">
        <v>4.5243875702445785E-2</v>
      </c>
      <c r="R17" s="191">
        <v>0.16300000000000001</v>
      </c>
      <c r="S17" s="97">
        <v>8.2617040514046405E-2</v>
      </c>
      <c r="T17" s="191">
        <v>0.70399999999999996</v>
      </c>
      <c r="U17" s="97">
        <v>9.9338562878854758E-2</v>
      </c>
      <c r="V17" s="191">
        <v>0.109</v>
      </c>
      <c r="W17" s="97">
        <v>7.1855719807406154E-2</v>
      </c>
    </row>
    <row r="18" spans="1:23">
      <c r="A18" s="45" t="s">
        <v>445</v>
      </c>
      <c r="B18" s="188">
        <v>121</v>
      </c>
      <c r="C18" s="84">
        <v>4.13</v>
      </c>
      <c r="D18" s="85">
        <v>0.31359999999999999</v>
      </c>
      <c r="E18" s="190">
        <v>0.27700000000000002</v>
      </c>
      <c r="F18" s="94">
        <v>8.0677676417507213E-2</v>
      </c>
      <c r="G18" s="190">
        <v>0.29299999999999998</v>
      </c>
      <c r="H18" s="94">
        <v>8.1946218191982487E-2</v>
      </c>
      <c r="I18" s="190">
        <v>0.42699999999999999</v>
      </c>
      <c r="J18" s="94">
        <v>8.8544966945208123E-2</v>
      </c>
      <c r="K18" s="190">
        <v>3.0000000000000001E-3</v>
      </c>
      <c r="L18" s="94">
        <v>2.4361700291400026E-2</v>
      </c>
      <c r="M18" s="188">
        <v>123</v>
      </c>
      <c r="N18" s="84">
        <v>5.77</v>
      </c>
      <c r="O18" s="85">
        <v>0.23519999999999999</v>
      </c>
      <c r="P18" s="190">
        <v>3.6999999999999998E-2</v>
      </c>
      <c r="Q18" s="94">
        <v>3.9450868307935538E-2</v>
      </c>
      <c r="R18" s="190">
        <v>4.1000000000000002E-2</v>
      </c>
      <c r="S18" s="94">
        <v>4.0818314010568478E-2</v>
      </c>
      <c r="T18" s="190">
        <v>0.63100000000000001</v>
      </c>
      <c r="U18" s="94">
        <v>8.6172822339770902E-2</v>
      </c>
      <c r="V18" s="190">
        <v>0.29199999999999998</v>
      </c>
      <c r="W18" s="94">
        <v>8.1540586587017766E-2</v>
      </c>
    </row>
    <row r="19" spans="1:23">
      <c r="A19" s="49" t="s">
        <v>453</v>
      </c>
      <c r="B19" s="189">
        <v>953</v>
      </c>
      <c r="C19" s="172">
        <v>4.9400000000000004</v>
      </c>
      <c r="D19" s="132">
        <v>9.8000000000000004E-2</v>
      </c>
      <c r="E19" s="191">
        <v>0.158</v>
      </c>
      <c r="F19" s="97">
        <v>2.3667119554418189E-2</v>
      </c>
      <c r="G19" s="191">
        <v>0.184</v>
      </c>
      <c r="H19" s="97">
        <v>2.512056590459626E-2</v>
      </c>
      <c r="I19" s="191">
        <v>0.65300000000000002</v>
      </c>
      <c r="J19" s="97">
        <v>3.0788066298210289E-2</v>
      </c>
      <c r="K19" s="191">
        <v>5.0000000000000001E-3</v>
      </c>
      <c r="L19" s="97">
        <v>5.4164096209434942E-3</v>
      </c>
      <c r="M19" s="189">
        <v>966</v>
      </c>
      <c r="N19" s="172">
        <v>5.55</v>
      </c>
      <c r="O19" s="132">
        <v>9.8000000000000004E-2</v>
      </c>
      <c r="P19" s="191">
        <v>7.0999999999999994E-2</v>
      </c>
      <c r="Q19" s="97">
        <v>1.6778141649437996E-2</v>
      </c>
      <c r="R19" s="191">
        <v>7.5999999999999998E-2</v>
      </c>
      <c r="S19" s="97">
        <v>1.7295875558496175E-2</v>
      </c>
      <c r="T19" s="191">
        <v>0.71299999999999997</v>
      </c>
      <c r="U19" s="97">
        <v>2.9241982756525592E-2</v>
      </c>
      <c r="V19" s="191">
        <v>0.14000000000000001</v>
      </c>
      <c r="W19" s="97">
        <v>2.2509770463793953E-2</v>
      </c>
    </row>
    <row r="20" spans="1:23">
      <c r="A20" s="45" t="s">
        <v>446</v>
      </c>
      <c r="B20" s="54">
        <v>105</v>
      </c>
      <c r="C20" s="84">
        <v>4.93</v>
      </c>
      <c r="D20" s="85">
        <v>0.29399999999999998</v>
      </c>
      <c r="E20" s="190">
        <v>0.13400000000000001</v>
      </c>
      <c r="F20" s="94">
        <v>6.7916634297919692E-2</v>
      </c>
      <c r="G20" s="190">
        <v>0.217</v>
      </c>
      <c r="H20" s="94">
        <v>8.0293323919297166E-2</v>
      </c>
      <c r="I20" s="190">
        <v>0.64800000000000002</v>
      </c>
      <c r="J20" s="94">
        <v>9.180636486775548E-2</v>
      </c>
      <c r="K20" s="190">
        <v>1E-3</v>
      </c>
      <c r="L20" s="94">
        <v>2.6363010016147499E-2</v>
      </c>
      <c r="M20" s="54">
        <v>105</v>
      </c>
      <c r="N20" s="84">
        <v>5.78</v>
      </c>
      <c r="O20" s="85">
        <v>0.27440000000000003</v>
      </c>
      <c r="P20" s="190">
        <v>3.9E-2</v>
      </c>
      <c r="Q20" s="94">
        <v>4.4541872370027227E-2</v>
      </c>
      <c r="R20" s="190">
        <v>6.9000000000000006E-2</v>
      </c>
      <c r="S20" s="94">
        <v>5.3953275574518011E-2</v>
      </c>
      <c r="T20" s="190">
        <v>0.67100000000000004</v>
      </c>
      <c r="U20" s="94">
        <v>9.1284576833599321E-2</v>
      </c>
      <c r="V20" s="190">
        <v>0.221</v>
      </c>
      <c r="W20" s="94">
        <v>8.1543544906310786E-2</v>
      </c>
    </row>
    <row r="21" spans="1:23">
      <c r="A21" s="49" t="s">
        <v>447</v>
      </c>
      <c r="B21" s="189">
        <v>197</v>
      </c>
      <c r="C21" s="172">
        <v>4.75</v>
      </c>
      <c r="D21" s="132">
        <v>0.21559999999999999</v>
      </c>
      <c r="E21" s="191">
        <v>0.19900000000000001</v>
      </c>
      <c r="F21" s="97">
        <v>5.6948808164244212E-2</v>
      </c>
      <c r="G21" s="191">
        <v>0.182</v>
      </c>
      <c r="H21" s="97">
        <v>5.5154380836324339E-2</v>
      </c>
      <c r="I21" s="191">
        <v>0.61899999999999999</v>
      </c>
      <c r="J21" s="97">
        <v>6.8588761348590974E-2</v>
      </c>
      <c r="K21" s="191">
        <v>0</v>
      </c>
      <c r="L21" s="97">
        <v>1.4001592877335498E-2</v>
      </c>
      <c r="M21" s="189">
        <v>198</v>
      </c>
      <c r="N21" s="172">
        <v>5.57</v>
      </c>
      <c r="O21" s="132">
        <v>0.19600000000000001</v>
      </c>
      <c r="P21" s="191">
        <v>7.0000000000000007E-2</v>
      </c>
      <c r="Q21" s="97">
        <v>3.7954143074431582E-2</v>
      </c>
      <c r="R21" s="191">
        <v>6.5000000000000002E-2</v>
      </c>
      <c r="S21" s="97">
        <v>3.6848865605426787E-2</v>
      </c>
      <c r="T21" s="191">
        <v>0.79400000000000004</v>
      </c>
      <c r="U21" s="97">
        <v>5.7643613873346808E-2</v>
      </c>
      <c r="V21" s="191">
        <v>7.0999999999999994E-2</v>
      </c>
      <c r="W21" s="97">
        <v>3.816985583705218E-2</v>
      </c>
    </row>
    <row r="22" spans="1:23">
      <c r="A22" s="57" t="s">
        <v>448</v>
      </c>
      <c r="B22" s="188">
        <v>236</v>
      </c>
      <c r="C22" s="84">
        <v>5.47</v>
      </c>
      <c r="D22" s="85">
        <v>0.15679999999999999</v>
      </c>
      <c r="E22" s="190">
        <v>3.5000000000000003E-2</v>
      </c>
      <c r="F22" s="94">
        <v>2.611590750864308E-2</v>
      </c>
      <c r="G22" s="190">
        <v>0.17299999999999999</v>
      </c>
      <c r="H22" s="94">
        <v>4.9431028969666405E-2</v>
      </c>
      <c r="I22" s="190">
        <v>0.78</v>
      </c>
      <c r="J22" s="94">
        <v>5.388128239558327E-2</v>
      </c>
      <c r="K22" s="190">
        <v>1.2E-2</v>
      </c>
      <c r="L22" s="94">
        <v>1.8132834960471671E-2</v>
      </c>
      <c r="M22" s="188">
        <v>242</v>
      </c>
      <c r="N22" s="84">
        <v>5.86</v>
      </c>
      <c r="O22" s="85">
        <v>0.15679999999999999</v>
      </c>
      <c r="P22" s="190">
        <v>1.2999999999999999E-2</v>
      </c>
      <c r="Q22" s="94">
        <v>1.8351439311588672E-2</v>
      </c>
      <c r="R22" s="190">
        <v>9.0999999999999998E-2</v>
      </c>
      <c r="S22" s="94">
        <v>3.8016102503939747E-2</v>
      </c>
      <c r="T22" s="190">
        <v>0.76200000000000001</v>
      </c>
      <c r="U22" s="94">
        <v>5.4860206131124044E-2</v>
      </c>
      <c r="V22" s="190">
        <v>0.13400000000000001</v>
      </c>
      <c r="W22" s="94">
        <v>4.4427136885053474E-2</v>
      </c>
    </row>
    <row r="23" spans="1:23">
      <c r="A23" s="49" t="s">
        <v>449</v>
      </c>
      <c r="B23" s="189">
        <v>122</v>
      </c>
      <c r="C23" s="172">
        <v>4.2699999999999996</v>
      </c>
      <c r="D23" s="132">
        <v>0.29399999999999998</v>
      </c>
      <c r="E23" s="191">
        <v>0.36599999999999999</v>
      </c>
      <c r="F23" s="97">
        <v>8.6035424089677862E-2</v>
      </c>
      <c r="G23" s="191">
        <v>0.153</v>
      </c>
      <c r="H23" s="97">
        <v>6.5976105923645306E-2</v>
      </c>
      <c r="I23" s="191">
        <v>0.48099999999999998</v>
      </c>
      <c r="J23" s="97">
        <v>8.9026758384335297E-2</v>
      </c>
      <c r="K23" s="191">
        <v>0</v>
      </c>
      <c r="L23" s="97">
        <v>2.226896426705402E-2</v>
      </c>
      <c r="M23" s="189">
        <v>126</v>
      </c>
      <c r="N23" s="172">
        <v>5.71</v>
      </c>
      <c r="O23" s="132">
        <v>0.27440000000000003</v>
      </c>
      <c r="P23" s="191">
        <v>4.7E-2</v>
      </c>
      <c r="Q23" s="97">
        <v>4.2358648425505116E-2</v>
      </c>
      <c r="R23" s="191">
        <v>4.4999999999999998E-2</v>
      </c>
      <c r="S23" s="97">
        <v>4.1725250766336583E-2</v>
      </c>
      <c r="T23" s="191">
        <v>0.71599999999999997</v>
      </c>
      <c r="U23" s="97">
        <v>8.0275781976104105E-2</v>
      </c>
      <c r="V23" s="191">
        <v>0.192</v>
      </c>
      <c r="W23" s="97">
        <v>7.0925215759056734E-2</v>
      </c>
    </row>
    <row r="24" spans="1:23">
      <c r="A24" s="57" t="s">
        <v>450</v>
      </c>
      <c r="B24" s="188">
        <v>125</v>
      </c>
      <c r="C24" s="84">
        <v>4.84</v>
      </c>
      <c r="D24" s="85">
        <v>0.27440000000000003</v>
      </c>
      <c r="E24" s="190">
        <v>0.17699999999999999</v>
      </c>
      <c r="F24" s="94">
        <v>6.8661783190384004E-2</v>
      </c>
      <c r="G24" s="190">
        <v>0.187</v>
      </c>
      <c r="H24" s="94">
        <v>6.999720960074253E-2</v>
      </c>
      <c r="I24" s="190">
        <v>0.629</v>
      </c>
      <c r="J24" s="94">
        <v>8.5249292433809187E-2</v>
      </c>
      <c r="K24" s="190">
        <v>7.0000000000000001E-3</v>
      </c>
      <c r="L24" s="94">
        <v>2.5993510987320771E-2</v>
      </c>
      <c r="M24" s="188">
        <v>127</v>
      </c>
      <c r="N24" s="84">
        <v>4.8600000000000003</v>
      </c>
      <c r="O24" s="85">
        <v>0.31359999999999999</v>
      </c>
      <c r="P24" s="190">
        <v>0.23400000000000001</v>
      </c>
      <c r="Q24" s="94">
        <v>7.544471531319806E-2</v>
      </c>
      <c r="R24" s="190">
        <v>4.1000000000000002E-2</v>
      </c>
      <c r="S24" s="94">
        <v>4.0224919061648969E-2</v>
      </c>
      <c r="T24" s="190">
        <v>0.53800000000000003</v>
      </c>
      <c r="U24" s="94">
        <v>8.7806016288284244E-2</v>
      </c>
      <c r="V24" s="190">
        <v>0.187</v>
      </c>
      <c r="W24" s="94">
        <v>6.999720960074253E-2</v>
      </c>
    </row>
    <row r="25" spans="1:23">
      <c r="A25" s="49" t="s">
        <v>451</v>
      </c>
      <c r="B25" s="189">
        <v>168</v>
      </c>
      <c r="C25" s="172">
        <v>4.8499999999999996</v>
      </c>
      <c r="D25" s="132">
        <v>0.23519999999999999</v>
      </c>
      <c r="E25" s="191">
        <v>0.16500000000000001</v>
      </c>
      <c r="F25" s="97">
        <v>5.7654559204056877E-2</v>
      </c>
      <c r="G25" s="191">
        <v>0.21299999999999999</v>
      </c>
      <c r="H25" s="97">
        <v>6.3138380399143657E-2</v>
      </c>
      <c r="I25" s="191">
        <v>0.622</v>
      </c>
      <c r="J25" s="97">
        <v>7.4052186079118093E-2</v>
      </c>
      <c r="K25" s="191">
        <v>0</v>
      </c>
      <c r="L25" s="97">
        <v>1.6348457544826219E-2</v>
      </c>
      <c r="M25" s="189">
        <v>168</v>
      </c>
      <c r="N25" s="172">
        <v>5.33</v>
      </c>
      <c r="O25" s="132">
        <v>0.25480000000000003</v>
      </c>
      <c r="P25" s="191">
        <v>5.2999999999999999E-2</v>
      </c>
      <c r="Q25" s="97">
        <v>3.7411277183391781E-2</v>
      </c>
      <c r="R25" s="191">
        <v>0.127</v>
      </c>
      <c r="S25" s="97">
        <v>5.25449321724554E-2</v>
      </c>
      <c r="T25" s="191">
        <v>0.66900000000000004</v>
      </c>
      <c r="U25" s="97">
        <v>7.2398770665624917E-2</v>
      </c>
      <c r="V25" s="191">
        <v>0.151</v>
      </c>
      <c r="W25" s="97">
        <v>5.6122424727527292E-2</v>
      </c>
    </row>
    <row r="26" spans="1:23">
      <c r="A26" s="57" t="s">
        <v>457</v>
      </c>
      <c r="B26" s="188">
        <v>130</v>
      </c>
      <c r="C26" s="84">
        <v>4.97</v>
      </c>
      <c r="D26" s="85">
        <v>0.27440000000000003</v>
      </c>
      <c r="E26" s="190">
        <v>0.13400000000000001</v>
      </c>
      <c r="F26" s="94">
        <v>6.0820756805503098E-2</v>
      </c>
      <c r="G26" s="190">
        <v>0.126</v>
      </c>
      <c r="H26" s="94">
        <v>5.9437705273766385E-2</v>
      </c>
      <c r="I26" s="190">
        <v>0.71</v>
      </c>
      <c r="J26" s="94">
        <v>7.8890352731783936E-2</v>
      </c>
      <c r="K26" s="190">
        <v>2.9000000000000001E-2</v>
      </c>
      <c r="L26" s="94">
        <v>3.5071595684797931E-2</v>
      </c>
      <c r="M26" s="188">
        <v>130</v>
      </c>
      <c r="N26" s="84">
        <v>5.43</v>
      </c>
      <c r="O26" s="85">
        <v>0.21559999999999999</v>
      </c>
      <c r="P26" s="190">
        <v>2.1000000000000001E-2</v>
      </c>
      <c r="Q26" s="94">
        <v>3.2049036271272542E-2</v>
      </c>
      <c r="R26" s="190">
        <v>0.157</v>
      </c>
      <c r="S26" s="94">
        <v>6.4731072611211651E-2</v>
      </c>
      <c r="T26" s="190">
        <v>0.72199999999999998</v>
      </c>
      <c r="U26" s="94">
        <v>7.8258463793697802E-2</v>
      </c>
      <c r="V26" s="190">
        <v>0.1</v>
      </c>
      <c r="W26" s="94">
        <v>5.4697895504965378E-2</v>
      </c>
    </row>
    <row r="27" spans="1:23">
      <c r="A27" s="49" t="s">
        <v>460</v>
      </c>
      <c r="B27" s="189">
        <v>195</v>
      </c>
      <c r="C27" s="172">
        <v>5.26</v>
      </c>
      <c r="D27" s="132">
        <v>0.19600000000000001</v>
      </c>
      <c r="E27" s="191">
        <v>0.109</v>
      </c>
      <c r="F27" s="97">
        <v>4.5545979045322323E-2</v>
      </c>
      <c r="G27" s="191">
        <v>0.14000000000000001</v>
      </c>
      <c r="H27" s="97">
        <v>5.0237163752074328E-2</v>
      </c>
      <c r="I27" s="191">
        <v>0.70199999999999996</v>
      </c>
      <c r="J27" s="97">
        <v>6.509673910747292E-2</v>
      </c>
      <c r="K27" s="191">
        <v>0.05</v>
      </c>
      <c r="L27" s="97">
        <v>3.341798252162665E-2</v>
      </c>
      <c r="M27" s="189">
        <v>195</v>
      </c>
      <c r="N27" s="172">
        <v>5.35</v>
      </c>
      <c r="O27" s="132">
        <v>0.19600000000000001</v>
      </c>
      <c r="P27" s="191">
        <v>6.3E-2</v>
      </c>
      <c r="Q27" s="97">
        <v>3.6596671316666024E-2</v>
      </c>
      <c r="R27" s="191">
        <v>0.14899999999999999</v>
      </c>
      <c r="S27" s="97">
        <v>5.1451695079347951E-2</v>
      </c>
      <c r="T27" s="191">
        <v>0.67100000000000004</v>
      </c>
      <c r="U27" s="97">
        <v>6.678890518714152E-2</v>
      </c>
      <c r="V27" s="191">
        <v>0.11700000000000001</v>
      </c>
      <c r="W27" s="97">
        <v>4.683956975971431E-2</v>
      </c>
    </row>
    <row r="28" spans="1:23">
      <c r="A28" s="57" t="s">
        <v>458</v>
      </c>
      <c r="B28" s="188">
        <v>182</v>
      </c>
      <c r="C28" s="84">
        <v>5.48</v>
      </c>
      <c r="D28" s="85">
        <v>0.19600000000000001</v>
      </c>
      <c r="E28" s="190">
        <v>6.9000000000000006E-2</v>
      </c>
      <c r="F28" s="94">
        <v>3.9388555037071414E-2</v>
      </c>
      <c r="G28" s="190">
        <v>0.127</v>
      </c>
      <c r="H28" s="94">
        <v>5.0116144344106862E-2</v>
      </c>
      <c r="I28" s="190">
        <v>0.77300000000000002</v>
      </c>
      <c r="J28" s="94">
        <v>6.1981974508527049E-2</v>
      </c>
      <c r="K28" s="190">
        <v>3.1E-2</v>
      </c>
      <c r="L28" s="94">
        <v>2.9107867739653539E-2</v>
      </c>
      <c r="M28" s="188">
        <v>183</v>
      </c>
      <c r="N28" s="84">
        <v>5.39</v>
      </c>
      <c r="O28" s="85">
        <v>0.1764</v>
      </c>
      <c r="P28" s="190">
        <v>3.6999999999999998E-2</v>
      </c>
      <c r="Q28" s="94">
        <v>3.1022721609959128E-2</v>
      </c>
      <c r="R28" s="190">
        <v>0.17199999999999999</v>
      </c>
      <c r="S28" s="94">
        <v>5.6224112463727376E-2</v>
      </c>
      <c r="T28" s="190">
        <v>0.64300000000000002</v>
      </c>
      <c r="U28" s="94">
        <v>7.0393833674750508E-2</v>
      </c>
      <c r="V28" s="190">
        <v>0.14899999999999999</v>
      </c>
      <c r="W28" s="94">
        <v>5.3287814498891126E-2</v>
      </c>
    </row>
    <row r="32" spans="1:23" ht="18.75">
      <c r="A32" s="321" t="s">
        <v>49</v>
      </c>
      <c r="B32" s="321"/>
      <c r="C32" s="321"/>
      <c r="D32" s="321"/>
      <c r="E32" s="321"/>
      <c r="F32" s="321"/>
      <c r="G32" s="321"/>
      <c r="H32" s="321"/>
      <c r="I32" s="321"/>
      <c r="J32" s="321"/>
      <c r="K32" s="321"/>
      <c r="L32" s="321"/>
      <c r="M32" s="321"/>
      <c r="N32" s="321"/>
      <c r="O32" s="321"/>
      <c r="P32" s="321"/>
      <c r="Q32" s="321"/>
      <c r="R32" s="321"/>
      <c r="S32" s="321"/>
      <c r="T32" s="321"/>
      <c r="U32" s="321"/>
      <c r="V32" s="321"/>
      <c r="W32" s="321"/>
    </row>
    <row r="33" spans="1:23" ht="56.25" customHeight="1">
      <c r="A33" s="387" t="s">
        <v>496</v>
      </c>
      <c r="B33" s="387"/>
      <c r="C33" s="387"/>
      <c r="D33" s="387"/>
      <c r="E33" s="387"/>
      <c r="F33" s="387"/>
      <c r="G33" s="387"/>
      <c r="H33" s="387"/>
      <c r="I33" s="387"/>
      <c r="J33" s="387"/>
      <c r="K33" s="387"/>
      <c r="L33" s="387"/>
      <c r="M33" s="387"/>
      <c r="N33" s="387"/>
      <c r="O33" s="387"/>
      <c r="P33" s="387"/>
      <c r="Q33" s="387"/>
      <c r="R33" s="387"/>
      <c r="S33" s="387"/>
      <c r="T33" s="387"/>
      <c r="U33" s="387"/>
      <c r="V33" s="387"/>
      <c r="W33" s="387"/>
    </row>
    <row r="34" spans="1:23" ht="36" customHeight="1">
      <c r="A34" s="64"/>
      <c r="B34" s="364" t="s">
        <v>164</v>
      </c>
      <c r="C34" s="365"/>
      <c r="D34" s="365"/>
      <c r="E34" s="365"/>
      <c r="F34" s="365"/>
      <c r="G34" s="365"/>
      <c r="H34" s="365"/>
      <c r="I34" s="365"/>
      <c r="J34" s="365"/>
      <c r="K34" s="365"/>
      <c r="L34" s="366"/>
      <c r="M34" s="367" t="s">
        <v>165</v>
      </c>
      <c r="N34" s="368"/>
      <c r="O34" s="368"/>
      <c r="P34" s="368"/>
      <c r="Q34" s="368"/>
      <c r="R34" s="368"/>
      <c r="S34" s="368"/>
      <c r="T34" s="368"/>
      <c r="U34" s="368"/>
      <c r="V34" s="368"/>
      <c r="W34" s="368"/>
    </row>
    <row r="35" spans="1:23" ht="41.25" customHeight="1">
      <c r="A35" s="37" t="s">
        <v>85</v>
      </c>
      <c r="B35" s="38" t="s">
        <v>86</v>
      </c>
      <c r="C35" s="39" t="s">
        <v>87</v>
      </c>
      <c r="D35" s="40" t="s">
        <v>88</v>
      </c>
      <c r="E35" s="38" t="s">
        <v>368</v>
      </c>
      <c r="F35" s="89" t="s">
        <v>162</v>
      </c>
      <c r="G35" s="38" t="s">
        <v>369</v>
      </c>
      <c r="H35" s="89" t="s">
        <v>163</v>
      </c>
      <c r="I35" s="38" t="s">
        <v>370</v>
      </c>
      <c r="J35" s="89" t="s">
        <v>136</v>
      </c>
      <c r="K35" s="38" t="s">
        <v>357</v>
      </c>
      <c r="L35" s="89" t="s">
        <v>371</v>
      </c>
      <c r="M35" s="65" t="s">
        <v>86</v>
      </c>
      <c r="N35" s="66" t="s">
        <v>87</v>
      </c>
      <c r="O35" s="67" t="s">
        <v>88</v>
      </c>
      <c r="P35" s="65" t="s">
        <v>368</v>
      </c>
      <c r="Q35" s="88" t="s">
        <v>162</v>
      </c>
      <c r="R35" s="65" t="s">
        <v>372</v>
      </c>
      <c r="S35" s="88" t="s">
        <v>373</v>
      </c>
      <c r="T35" s="65" t="s">
        <v>370</v>
      </c>
      <c r="U35" s="88" t="s">
        <v>136</v>
      </c>
      <c r="V35" s="65" t="s">
        <v>357</v>
      </c>
      <c r="W35" s="88" t="s">
        <v>371</v>
      </c>
    </row>
    <row r="36" spans="1:23" ht="72">
      <c r="A36" s="41"/>
      <c r="B36" s="42" t="s">
        <v>89</v>
      </c>
      <c r="C36" s="128" t="s">
        <v>360</v>
      </c>
      <c r="D36" s="44" t="s">
        <v>91</v>
      </c>
      <c r="E36" s="42" t="s">
        <v>181</v>
      </c>
      <c r="F36" s="91" t="s">
        <v>104</v>
      </c>
      <c r="G36" s="42" t="s">
        <v>182</v>
      </c>
      <c r="H36" s="91" t="s">
        <v>104</v>
      </c>
      <c r="I36" s="42" t="s">
        <v>183</v>
      </c>
      <c r="J36" s="91" t="s">
        <v>104</v>
      </c>
      <c r="K36" s="42" t="s">
        <v>357</v>
      </c>
      <c r="L36" s="91" t="s">
        <v>104</v>
      </c>
      <c r="M36" s="68" t="s">
        <v>89</v>
      </c>
      <c r="N36" s="274" t="s">
        <v>360</v>
      </c>
      <c r="O36" s="70" t="s">
        <v>91</v>
      </c>
      <c r="P36" s="68" t="s">
        <v>181</v>
      </c>
      <c r="Q36" s="90" t="s">
        <v>104</v>
      </c>
      <c r="R36" s="68" t="s">
        <v>182</v>
      </c>
      <c r="S36" s="90" t="s">
        <v>104</v>
      </c>
      <c r="T36" s="68" t="s">
        <v>183</v>
      </c>
      <c r="U36" s="90" t="s">
        <v>104</v>
      </c>
      <c r="V36" s="68" t="s">
        <v>357</v>
      </c>
      <c r="W36" s="90" t="s">
        <v>104</v>
      </c>
    </row>
    <row r="37" spans="1:23">
      <c r="A37" s="45" t="s">
        <v>436</v>
      </c>
      <c r="B37" s="188">
        <v>10997</v>
      </c>
      <c r="C37" s="84">
        <v>4.3899999999999997</v>
      </c>
      <c r="D37" s="85">
        <v>3.9199999999999999E-2</v>
      </c>
      <c r="E37" s="190">
        <v>0.26700000000000002</v>
      </c>
      <c r="F37" s="94">
        <v>8.4365585026298495E-3</v>
      </c>
      <c r="G37" s="190">
        <v>0.224</v>
      </c>
      <c r="H37" s="94">
        <v>7.9512967459353778E-3</v>
      </c>
      <c r="I37" s="190">
        <v>0.504</v>
      </c>
      <c r="J37" s="94">
        <v>9.5338876527077572E-3</v>
      </c>
      <c r="K37" s="190">
        <v>6.0000000000000001E-3</v>
      </c>
      <c r="L37" s="94">
        <v>1.4943376847884457E-3</v>
      </c>
      <c r="M37" s="188">
        <v>10977</v>
      </c>
      <c r="N37" s="84">
        <v>3.88</v>
      </c>
      <c r="O37" s="85">
        <v>3.9199999999999999E-2</v>
      </c>
      <c r="P37" s="190">
        <v>0.41699999999999998</v>
      </c>
      <c r="Q37" s="94">
        <v>9.4105679895937332E-3</v>
      </c>
      <c r="R37" s="190">
        <v>0.15</v>
      </c>
      <c r="S37" s="94">
        <v>6.8173572997118521E-3</v>
      </c>
      <c r="T37" s="190">
        <v>0.40899999999999997</v>
      </c>
      <c r="U37" s="94">
        <v>9.383608132361736E-3</v>
      </c>
      <c r="V37" s="190">
        <v>2.5000000000000001E-2</v>
      </c>
      <c r="W37" s="94">
        <v>2.9897889479471949E-3</v>
      </c>
    </row>
    <row r="38" spans="1:23">
      <c r="A38" s="49" t="s">
        <v>437</v>
      </c>
      <c r="B38" s="49">
        <v>8852</v>
      </c>
      <c r="C38" s="172">
        <v>4.1399999999999997</v>
      </c>
      <c r="D38" s="132">
        <v>3.9199999999999999E-2</v>
      </c>
      <c r="E38" s="191">
        <v>0.32900000000000001</v>
      </c>
      <c r="F38" s="97">
        <v>9.9861106946665928E-3</v>
      </c>
      <c r="G38" s="191">
        <v>0.24099999999999999</v>
      </c>
      <c r="H38" s="97">
        <v>9.0910178186695816E-3</v>
      </c>
      <c r="I38" s="191">
        <v>0.42899999999999999</v>
      </c>
      <c r="J38" s="97">
        <v>1.0518696579988291E-2</v>
      </c>
      <c r="K38" s="191">
        <v>1E-3</v>
      </c>
      <c r="L38" s="97">
        <v>7.4350009514959753E-4</v>
      </c>
      <c r="M38" s="49">
        <v>8830</v>
      </c>
      <c r="N38" s="172">
        <v>3.23</v>
      </c>
      <c r="O38" s="132">
        <v>3.9199999999999999E-2</v>
      </c>
      <c r="P38" s="191">
        <v>0.55700000000000005</v>
      </c>
      <c r="Q38" s="97">
        <v>1.0570203476782556E-2</v>
      </c>
      <c r="R38" s="191">
        <v>0.15</v>
      </c>
      <c r="S38" s="97">
        <v>7.6014282557568319E-3</v>
      </c>
      <c r="T38" s="191">
        <v>0.26300000000000001</v>
      </c>
      <c r="U38" s="97">
        <v>9.3695747639774892E-3</v>
      </c>
      <c r="V38" s="191">
        <v>0.03</v>
      </c>
      <c r="W38" s="97">
        <v>3.6423787895321488E-3</v>
      </c>
    </row>
    <row r="39" spans="1:23">
      <c r="A39" s="45" t="s">
        <v>438</v>
      </c>
      <c r="B39" s="53">
        <v>1980</v>
      </c>
      <c r="C39" s="84">
        <v>4.99</v>
      </c>
      <c r="D39" s="85">
        <v>5.8799999999999998E-2</v>
      </c>
      <c r="E39" s="190">
        <v>0.13</v>
      </c>
      <c r="F39" s="94">
        <v>1.51372390937506E-2</v>
      </c>
      <c r="G39" s="190">
        <v>0.1817</v>
      </c>
      <c r="H39" s="94">
        <v>1.7337565612587019E-2</v>
      </c>
      <c r="I39" s="190">
        <v>0.67730000000000001</v>
      </c>
      <c r="J39" s="94">
        <v>2.0997855949697764E-2</v>
      </c>
      <c r="K39" s="190">
        <v>1.0999999999999999E-2</v>
      </c>
      <c r="L39" s="94">
        <v>4.8862516158485131E-3</v>
      </c>
      <c r="M39" s="53">
        <v>1983</v>
      </c>
      <c r="N39" s="84">
        <v>5.2</v>
      </c>
      <c r="O39" s="85">
        <v>7.8399999999999997E-2</v>
      </c>
      <c r="P39" s="190">
        <v>0.1368</v>
      </c>
      <c r="Q39" s="94">
        <v>1.5452662235919977E-2</v>
      </c>
      <c r="R39" s="190">
        <v>0.14319999999999999</v>
      </c>
      <c r="S39" s="94">
        <v>1.5748769975711965E-2</v>
      </c>
      <c r="T39" s="190">
        <v>0.70199999999999996</v>
      </c>
      <c r="U39" s="94">
        <v>2.0529484289342082E-2</v>
      </c>
      <c r="V39" s="190">
        <v>1.7999999999999999E-2</v>
      </c>
      <c r="W39" s="94">
        <v>6.120815910818438E-3</v>
      </c>
    </row>
    <row r="40" spans="1:23">
      <c r="A40" s="49" t="s">
        <v>439</v>
      </c>
      <c r="B40" s="49">
        <v>3929</v>
      </c>
      <c r="C40" s="172">
        <v>4.16</v>
      </c>
      <c r="D40" s="132">
        <v>5.8799999999999998E-2</v>
      </c>
      <c r="E40" s="191">
        <v>0.33</v>
      </c>
      <c r="F40" s="97">
        <v>1.4997542124240116E-2</v>
      </c>
      <c r="G40" s="191">
        <v>0.221</v>
      </c>
      <c r="H40" s="97">
        <v>1.3238305666659133E-2</v>
      </c>
      <c r="I40" s="191">
        <v>0.441</v>
      </c>
      <c r="J40" s="97">
        <v>1.5834321363028279E-2</v>
      </c>
      <c r="K40" s="191">
        <v>8.0000000000000002E-3</v>
      </c>
      <c r="L40" s="97">
        <v>2.927746726492951E-3</v>
      </c>
      <c r="M40" s="49">
        <v>3283</v>
      </c>
      <c r="N40" s="172">
        <v>4.05</v>
      </c>
      <c r="O40" s="132">
        <v>5.8799999999999998E-2</v>
      </c>
      <c r="P40" s="191">
        <v>0.379</v>
      </c>
      <c r="Q40" s="97">
        <v>1.6924989293415588E-2</v>
      </c>
      <c r="R40" s="191">
        <v>0.16300000000000001</v>
      </c>
      <c r="S40" s="97">
        <v>1.2898104774156245E-2</v>
      </c>
      <c r="T40" s="191">
        <v>0.43099999999999999</v>
      </c>
      <c r="U40" s="97">
        <v>1.7275680581034396E-2</v>
      </c>
      <c r="V40" s="191">
        <v>2.7E-2</v>
      </c>
      <c r="W40" s="97">
        <v>5.7124256336000094E-3</v>
      </c>
    </row>
    <row r="41" spans="1:23">
      <c r="A41" s="45" t="s">
        <v>440</v>
      </c>
      <c r="B41" s="53">
        <v>3294</v>
      </c>
      <c r="C41" s="84">
        <v>3.89</v>
      </c>
      <c r="D41" s="85">
        <v>5.8799999999999998E-2</v>
      </c>
      <c r="E41" s="190">
        <v>0.39300000000000002</v>
      </c>
      <c r="F41" s="94">
        <v>1.7010636102748868E-2</v>
      </c>
      <c r="G41" s="190">
        <v>0.23599999999999999</v>
      </c>
      <c r="H41" s="94">
        <v>1.4794855937277926E-2</v>
      </c>
      <c r="I41" s="190">
        <v>0.371</v>
      </c>
      <c r="J41" s="94">
        <v>1.6824977166238479E-2</v>
      </c>
      <c r="K41" s="190">
        <v>1E-3</v>
      </c>
      <c r="L41" s="94">
        <v>1.3941916093735932E-3</v>
      </c>
      <c r="M41" s="53">
        <v>3922</v>
      </c>
      <c r="N41" s="84">
        <v>3.62</v>
      </c>
      <c r="O41" s="85">
        <v>5.8799999999999998E-2</v>
      </c>
      <c r="P41" s="190">
        <v>0.379</v>
      </c>
      <c r="Q41" s="94">
        <v>1.5486303373786599E-2</v>
      </c>
      <c r="R41" s="190">
        <v>0.16300000000000001</v>
      </c>
      <c r="S41" s="94">
        <v>1.1799924076775364E-2</v>
      </c>
      <c r="T41" s="190">
        <v>0.43099999999999999</v>
      </c>
      <c r="U41" s="94">
        <v>1.5807318427833415E-2</v>
      </c>
      <c r="V41" s="190">
        <v>2.7E-2</v>
      </c>
      <c r="W41" s="94">
        <v>5.2182777405221942E-3</v>
      </c>
    </row>
    <row r="42" spans="1:23">
      <c r="A42" s="49" t="s">
        <v>452</v>
      </c>
      <c r="B42" s="49">
        <v>579</v>
      </c>
      <c r="C42" s="172">
        <v>3.87</v>
      </c>
      <c r="D42" s="132">
        <v>0.1176</v>
      </c>
      <c r="E42" s="191">
        <v>0.40899999999999997</v>
      </c>
      <c r="F42" s="97">
        <v>4.0733602441147106E-2</v>
      </c>
      <c r="G42" s="191">
        <v>0.25800000000000001</v>
      </c>
      <c r="H42" s="97">
        <v>3.6317342089647937E-2</v>
      </c>
      <c r="I42" s="191">
        <v>0.33200000000000002</v>
      </c>
      <c r="J42" s="97">
        <v>3.90418664922733E-2</v>
      </c>
      <c r="K42" s="191">
        <v>0</v>
      </c>
      <c r="L42" s="97">
        <v>4.8431757329018563E-3</v>
      </c>
      <c r="M42" s="49">
        <v>574</v>
      </c>
      <c r="N42" s="172">
        <v>3.78</v>
      </c>
      <c r="O42" s="132">
        <v>0.15679999999999999</v>
      </c>
      <c r="P42" s="191">
        <v>0.434</v>
      </c>
      <c r="Q42" s="97">
        <v>4.1235594698849729E-2</v>
      </c>
      <c r="R42" s="191">
        <v>0.188</v>
      </c>
      <c r="S42" s="97">
        <v>3.2645591889264712E-2</v>
      </c>
      <c r="T42" s="191">
        <v>0.34699999999999998</v>
      </c>
      <c r="U42" s="97">
        <v>3.9627493766745459E-2</v>
      </c>
      <c r="V42" s="191">
        <v>3.2000000000000001E-2</v>
      </c>
      <c r="W42" s="97">
        <v>1.5338619535847791E-2</v>
      </c>
    </row>
    <row r="43" spans="1:23">
      <c r="A43" s="45" t="s">
        <v>441</v>
      </c>
      <c r="B43" s="53">
        <v>149</v>
      </c>
      <c r="C43" s="84">
        <v>3.8</v>
      </c>
      <c r="D43" s="85">
        <v>0.23519999999999999</v>
      </c>
      <c r="E43" s="190">
        <v>0.46899999999999997</v>
      </c>
      <c r="F43" s="94">
        <v>8.0697707773266625E-2</v>
      </c>
      <c r="G43" s="190">
        <v>0.16600000000000001</v>
      </c>
      <c r="H43" s="94">
        <v>6.1399952137146073E-2</v>
      </c>
      <c r="I43" s="190">
        <v>0.36499999999999999</v>
      </c>
      <c r="J43" s="94">
        <v>7.8000416360387945E-2</v>
      </c>
      <c r="K43" s="190">
        <v>0</v>
      </c>
      <c r="L43" s="94">
        <v>1.8365227853566944E-2</v>
      </c>
      <c r="M43" s="53">
        <v>146</v>
      </c>
      <c r="N43" s="84">
        <v>3.7</v>
      </c>
      <c r="O43" s="85">
        <v>0.3332</v>
      </c>
      <c r="P43" s="190">
        <v>0.47</v>
      </c>
      <c r="Q43" s="94">
        <v>8.1510303643159129E-2</v>
      </c>
      <c r="R43" s="190">
        <v>0.155</v>
      </c>
      <c r="S43" s="94">
        <v>6.0495368417755747E-2</v>
      </c>
      <c r="T43" s="190">
        <v>0.32200000000000001</v>
      </c>
      <c r="U43" s="94">
        <v>7.6591258420072778E-2</v>
      </c>
      <c r="V43" s="190">
        <v>5.1999999999999998E-2</v>
      </c>
      <c r="W43" s="94">
        <v>3.9952468589191957E-2</v>
      </c>
    </row>
    <row r="44" spans="1:23">
      <c r="A44" s="49" t="s">
        <v>442</v>
      </c>
      <c r="B44" s="49">
        <v>109</v>
      </c>
      <c r="C44" s="172">
        <v>4.38</v>
      </c>
      <c r="D44" s="132">
        <v>0.29399999999999998</v>
      </c>
      <c r="E44" s="191">
        <v>0.216</v>
      </c>
      <c r="F44" s="97">
        <v>7.8695806080875425E-2</v>
      </c>
      <c r="G44" s="191">
        <v>0.27400000000000002</v>
      </c>
      <c r="H44" s="97">
        <v>8.4659860827893119E-2</v>
      </c>
      <c r="I44" s="191">
        <v>0.51</v>
      </c>
      <c r="J44" s="97">
        <v>9.4054579210863978E-2</v>
      </c>
      <c r="K44" s="191">
        <v>0</v>
      </c>
      <c r="L44" s="97">
        <v>2.4807832313658393E-2</v>
      </c>
      <c r="M44" s="49">
        <v>109</v>
      </c>
      <c r="N44" s="172">
        <v>3.53</v>
      </c>
      <c r="O44" s="132">
        <v>0.3332</v>
      </c>
      <c r="P44" s="191">
        <v>0.47899999999999998</v>
      </c>
      <c r="Q44" s="97">
        <v>9.3994853681500373E-2</v>
      </c>
      <c r="R44" s="191">
        <v>0.184</v>
      </c>
      <c r="S44" s="97">
        <v>7.4569757872791256E-2</v>
      </c>
      <c r="T44" s="191">
        <v>0.32900000000000001</v>
      </c>
      <c r="U44" s="97">
        <v>8.880574790146531E-2</v>
      </c>
      <c r="V44" s="191">
        <v>8.0000000000000002E-3</v>
      </c>
      <c r="W44" s="97">
        <v>2.9611023865798725E-2</v>
      </c>
    </row>
    <row r="45" spans="1:23">
      <c r="A45" s="45" t="s">
        <v>443</v>
      </c>
      <c r="B45" s="53">
        <v>122</v>
      </c>
      <c r="C45" s="84">
        <v>3.98</v>
      </c>
      <c r="D45" s="85">
        <v>0.27440000000000003</v>
      </c>
      <c r="E45" s="190">
        <v>0.36399999999999999</v>
      </c>
      <c r="F45" s="94">
        <v>8.5941971700502912E-2</v>
      </c>
      <c r="G45" s="190">
        <v>0.314</v>
      </c>
      <c r="H45" s="94">
        <v>8.3107447227167869E-2</v>
      </c>
      <c r="I45" s="190">
        <v>0.32200000000000001</v>
      </c>
      <c r="J45" s="94">
        <v>8.362724380851902E-2</v>
      </c>
      <c r="K45" s="190">
        <v>0</v>
      </c>
      <c r="L45" s="94">
        <v>2.226896426705402E-2</v>
      </c>
      <c r="M45" s="53">
        <v>120</v>
      </c>
      <c r="N45" s="84">
        <v>4.8600000000000003</v>
      </c>
      <c r="O45" s="85">
        <v>0.3332</v>
      </c>
      <c r="P45" s="190">
        <v>0.19900000000000001</v>
      </c>
      <c r="Q45" s="94">
        <v>7.2989161363037139E-2</v>
      </c>
      <c r="R45" s="190">
        <v>0.23</v>
      </c>
      <c r="S45" s="94">
        <v>7.6564829651340482E-2</v>
      </c>
      <c r="T45" s="190">
        <v>0.53600000000000003</v>
      </c>
      <c r="U45" s="94">
        <v>8.9584392417287717E-2</v>
      </c>
      <c r="V45" s="190">
        <v>3.5000000000000003E-2</v>
      </c>
      <c r="W45" s="94">
        <v>3.9144068062940636E-2</v>
      </c>
    </row>
    <row r="46" spans="1:23">
      <c r="A46" s="49" t="s">
        <v>444</v>
      </c>
      <c r="B46" s="49">
        <v>82</v>
      </c>
      <c r="C46" s="172">
        <v>3.1</v>
      </c>
      <c r="D46" s="132">
        <v>0.29399999999999998</v>
      </c>
      <c r="E46" s="191">
        <v>0.63400000000000001</v>
      </c>
      <c r="F46" s="97">
        <v>0.10425270746591482</v>
      </c>
      <c r="G46" s="191">
        <v>0.26600000000000001</v>
      </c>
      <c r="H46" s="97">
        <v>9.6501385943550691E-2</v>
      </c>
      <c r="I46" s="191">
        <v>0.1</v>
      </c>
      <c r="J46" s="97">
        <v>6.9729573281470572E-2</v>
      </c>
      <c r="K46" s="191">
        <v>0</v>
      </c>
      <c r="L46" s="97">
        <v>3.2504011252172456E-2</v>
      </c>
      <c r="M46" s="49">
        <v>82</v>
      </c>
      <c r="N46" s="172">
        <v>2.89</v>
      </c>
      <c r="O46" s="132">
        <v>0.39200000000000002</v>
      </c>
      <c r="P46" s="191">
        <v>0.60599999999999998</v>
      </c>
      <c r="Q46" s="97">
        <v>0.10560675236279259</v>
      </c>
      <c r="R46" s="191">
        <v>0.159</v>
      </c>
      <c r="S46" s="97">
        <v>8.1920063946535962E-2</v>
      </c>
      <c r="T46" s="191">
        <v>0.191</v>
      </c>
      <c r="U46" s="97">
        <v>8.7123114288225528E-2</v>
      </c>
      <c r="V46" s="191">
        <v>4.3999999999999997E-2</v>
      </c>
      <c r="W46" s="97">
        <v>5.3246704981925415E-2</v>
      </c>
    </row>
    <row r="47" spans="1:23">
      <c r="A47" s="45" t="s">
        <v>445</v>
      </c>
      <c r="B47" s="188">
        <v>121</v>
      </c>
      <c r="C47" s="84">
        <v>3.76</v>
      </c>
      <c r="D47" s="85">
        <v>0.27440000000000003</v>
      </c>
      <c r="E47" s="190">
        <v>0.45500000000000002</v>
      </c>
      <c r="F47" s="94">
        <v>8.9102642187535608E-2</v>
      </c>
      <c r="G47" s="190">
        <v>0.23699999999999999</v>
      </c>
      <c r="H47" s="94">
        <v>7.6980410379576439E-2</v>
      </c>
      <c r="I47" s="190">
        <v>0.307</v>
      </c>
      <c r="J47" s="94">
        <v>8.296443440877542E-2</v>
      </c>
      <c r="K47" s="190">
        <v>0</v>
      </c>
      <c r="L47" s="94">
        <v>2.2445667733440235E-2</v>
      </c>
      <c r="M47" s="188">
        <v>121</v>
      </c>
      <c r="N47" s="84">
        <v>3.12</v>
      </c>
      <c r="O47" s="85">
        <v>0.31359999999999999</v>
      </c>
      <c r="P47" s="190">
        <v>0.60899999999999999</v>
      </c>
      <c r="Q47" s="94">
        <v>8.7428547805576642E-2</v>
      </c>
      <c r="R47" s="190">
        <v>0.16700000000000001</v>
      </c>
      <c r="S47" s="94">
        <v>6.8374111045394953E-2</v>
      </c>
      <c r="T47" s="190">
        <v>0.20799999999999999</v>
      </c>
      <c r="U47" s="94">
        <v>7.3779256849388228E-2</v>
      </c>
      <c r="V47" s="190">
        <v>1.6E-2</v>
      </c>
      <c r="W47" s="94">
        <v>3.1239209135187788E-2</v>
      </c>
    </row>
    <row r="48" spans="1:23">
      <c r="A48" s="49" t="s">
        <v>453</v>
      </c>
      <c r="B48" s="189">
        <v>962</v>
      </c>
      <c r="C48" s="172">
        <v>4.2300000000000004</v>
      </c>
      <c r="D48" s="132">
        <v>9.8000000000000004E-2</v>
      </c>
      <c r="E48" s="191">
        <v>0.28899999999999998</v>
      </c>
      <c r="F48" s="97">
        <v>2.9195346957010645E-2</v>
      </c>
      <c r="G48" s="191">
        <v>0.245</v>
      </c>
      <c r="H48" s="97">
        <v>2.7715830576721865E-2</v>
      </c>
      <c r="I48" s="191">
        <v>0.46600000000000003</v>
      </c>
      <c r="J48" s="97">
        <v>3.2100615222012518E-2</v>
      </c>
      <c r="K48" s="191">
        <v>0</v>
      </c>
      <c r="L48" s="97">
        <v>2.9249457859922647E-3</v>
      </c>
      <c r="M48" s="189">
        <v>956</v>
      </c>
      <c r="N48" s="172">
        <v>3.38</v>
      </c>
      <c r="O48" s="132">
        <v>0.1176</v>
      </c>
      <c r="P48" s="191">
        <v>0.51600000000000001</v>
      </c>
      <c r="Q48" s="97">
        <v>3.2258469746259975E-2</v>
      </c>
      <c r="R48" s="191">
        <v>0.16600000000000001</v>
      </c>
      <c r="S48" s="97">
        <v>2.4098037316105766E-2</v>
      </c>
      <c r="T48" s="191">
        <v>0.29699999999999999</v>
      </c>
      <c r="U48" s="97">
        <v>2.951932226661784E-2</v>
      </c>
      <c r="V48" s="191">
        <v>2.1000000000000001E-2</v>
      </c>
      <c r="W48" s="97">
        <v>9.6753606699868655E-3</v>
      </c>
    </row>
    <row r="49" spans="1:23">
      <c r="A49" s="45" t="s">
        <v>446</v>
      </c>
      <c r="B49" s="54">
        <v>103</v>
      </c>
      <c r="C49" s="84">
        <v>4.2300000000000004</v>
      </c>
      <c r="D49" s="85">
        <v>0.29399999999999998</v>
      </c>
      <c r="E49" s="190">
        <v>0.23400000000000001</v>
      </c>
      <c r="F49" s="94">
        <v>8.3034794322823027E-2</v>
      </c>
      <c r="G49" s="190">
        <v>0.311</v>
      </c>
      <c r="H49" s="94">
        <v>9.004667715939918E-2</v>
      </c>
      <c r="I49" s="190">
        <v>0.45500000000000002</v>
      </c>
      <c r="J49" s="94">
        <v>9.6310163267945351E-2</v>
      </c>
      <c r="K49" s="190">
        <v>0</v>
      </c>
      <c r="L49" s="94">
        <v>2.6185687246820841E-2</v>
      </c>
      <c r="M49" s="54">
        <v>105</v>
      </c>
      <c r="N49" s="84">
        <v>2.04</v>
      </c>
      <c r="O49" s="85">
        <v>0.27440000000000003</v>
      </c>
      <c r="P49" s="190">
        <v>0.81899999999999995</v>
      </c>
      <c r="Q49" s="94">
        <v>7.5558023619310757E-2</v>
      </c>
      <c r="R49" s="190">
        <v>0.124</v>
      </c>
      <c r="S49" s="94">
        <v>6.6030249065445898E-2</v>
      </c>
      <c r="T49" s="190">
        <v>5.7000000000000002E-2</v>
      </c>
      <c r="U49" s="94">
        <v>4.9913800985033056E-2</v>
      </c>
      <c r="V49" s="190">
        <v>0</v>
      </c>
      <c r="W49" s="94">
        <v>2.5709707484377786E-2</v>
      </c>
    </row>
    <row r="50" spans="1:23">
      <c r="A50" s="49" t="s">
        <v>447</v>
      </c>
      <c r="B50" s="189">
        <v>198</v>
      </c>
      <c r="C50" s="172">
        <v>4.1399999999999997</v>
      </c>
      <c r="D50" s="132">
        <v>0.21559999999999999</v>
      </c>
      <c r="E50" s="191">
        <v>0.33800000000000002</v>
      </c>
      <c r="F50" s="97">
        <v>6.6717236269661903E-2</v>
      </c>
      <c r="G50" s="191">
        <v>0.23400000000000001</v>
      </c>
      <c r="H50" s="97">
        <v>6.0036040840642346E-2</v>
      </c>
      <c r="I50" s="191">
        <v>0.42799999999999999</v>
      </c>
      <c r="J50" s="97">
        <v>6.9655343051483867E-2</v>
      </c>
      <c r="K50" s="191">
        <v>0</v>
      </c>
      <c r="L50" s="97">
        <v>1.3932624648124592E-2</v>
      </c>
      <c r="M50" s="189">
        <v>196</v>
      </c>
      <c r="N50" s="172">
        <v>3.67</v>
      </c>
      <c r="O50" s="132">
        <v>0.25480000000000003</v>
      </c>
      <c r="P50" s="191">
        <v>0.47399999999999998</v>
      </c>
      <c r="Q50" s="97">
        <v>7.0618803388332763E-2</v>
      </c>
      <c r="R50" s="191">
        <v>0.186</v>
      </c>
      <c r="S50" s="97">
        <v>5.5733006665709323E-2</v>
      </c>
      <c r="T50" s="191">
        <v>0.309</v>
      </c>
      <c r="U50" s="97">
        <v>6.5568841319639012E-2</v>
      </c>
      <c r="V50" s="191">
        <v>0.03</v>
      </c>
      <c r="W50" s="97">
        <v>2.7512775214434473E-2</v>
      </c>
    </row>
    <row r="51" spans="1:23">
      <c r="A51" s="57" t="s">
        <v>448</v>
      </c>
      <c r="B51" s="188">
        <v>242</v>
      </c>
      <c r="C51" s="84">
        <v>4.7699999999999996</v>
      </c>
      <c r="D51" s="85">
        <v>0.1764</v>
      </c>
      <c r="E51" s="190">
        <v>0.16600000000000001</v>
      </c>
      <c r="F51" s="94">
        <v>4.8058626593007879E-2</v>
      </c>
      <c r="G51" s="190">
        <v>0.186</v>
      </c>
      <c r="H51" s="94">
        <v>5.0135475958998386E-2</v>
      </c>
      <c r="I51" s="190">
        <v>0.64800000000000002</v>
      </c>
      <c r="J51" s="94">
        <v>6.0994806381788121E-2</v>
      </c>
      <c r="K51" s="190">
        <v>0</v>
      </c>
      <c r="L51" s="94">
        <v>1.1450837352741765E-2</v>
      </c>
      <c r="M51" s="188">
        <v>242</v>
      </c>
      <c r="N51" s="84">
        <v>3.75</v>
      </c>
      <c r="O51" s="85">
        <v>0.23519999999999999</v>
      </c>
      <c r="P51" s="190">
        <v>0.42399999999999999</v>
      </c>
      <c r="Q51" s="94">
        <v>6.3040870761940149E-2</v>
      </c>
      <c r="R51" s="190">
        <v>0.127</v>
      </c>
      <c r="S51" s="94">
        <v>4.3309950340419796E-2</v>
      </c>
      <c r="T51" s="190">
        <v>0.41899999999999998</v>
      </c>
      <c r="U51" s="94">
        <v>6.294282231394023E-2</v>
      </c>
      <c r="V51" s="190">
        <v>0.03</v>
      </c>
      <c r="W51" s="94">
        <v>2.4269937055762504E-2</v>
      </c>
    </row>
    <row r="52" spans="1:23">
      <c r="A52" s="49" t="s">
        <v>449</v>
      </c>
      <c r="B52" s="189">
        <v>125</v>
      </c>
      <c r="C52" s="172">
        <v>3.98</v>
      </c>
      <c r="D52" s="132">
        <v>0.25480000000000003</v>
      </c>
      <c r="E52" s="191">
        <v>0.315</v>
      </c>
      <c r="F52" s="97">
        <v>8.2191791955926546E-2</v>
      </c>
      <c r="G52" s="191">
        <v>0.23799999999999999</v>
      </c>
      <c r="H52" s="97">
        <v>7.5851137843764141E-2</v>
      </c>
      <c r="I52" s="191">
        <v>0.44700000000000001</v>
      </c>
      <c r="J52" s="97">
        <v>8.7579421453052392E-2</v>
      </c>
      <c r="K52" s="191">
        <v>0</v>
      </c>
      <c r="L52" s="97">
        <v>2.1755160342254897E-2</v>
      </c>
      <c r="M52" s="189">
        <v>123</v>
      </c>
      <c r="N52" s="172">
        <v>2.56</v>
      </c>
      <c r="O52" s="132">
        <v>0.29399999999999998</v>
      </c>
      <c r="P52" s="191">
        <v>0.71199999999999997</v>
      </c>
      <c r="Q52" s="97">
        <v>8.0908723447230241E-2</v>
      </c>
      <c r="R52" s="191">
        <v>0.126</v>
      </c>
      <c r="S52" s="97">
        <v>6.1168755686810516E-2</v>
      </c>
      <c r="T52" s="191">
        <v>0.14799999999999999</v>
      </c>
      <c r="U52" s="97">
        <v>6.4911341926362581E-2</v>
      </c>
      <c r="V52" s="191">
        <v>1.4E-2</v>
      </c>
      <c r="W52" s="97">
        <v>2.9933354470718571E-2</v>
      </c>
    </row>
    <row r="53" spans="1:23">
      <c r="A53" s="57" t="s">
        <v>450</v>
      </c>
      <c r="B53" s="188">
        <v>126</v>
      </c>
      <c r="C53" s="84">
        <v>3.79</v>
      </c>
      <c r="D53" s="85">
        <v>0.25480000000000003</v>
      </c>
      <c r="E53" s="190">
        <v>0.374</v>
      </c>
      <c r="F53" s="94">
        <v>8.504947955031647E-2</v>
      </c>
      <c r="G53" s="190">
        <v>0.32600000000000001</v>
      </c>
      <c r="H53" s="94">
        <v>8.2566239104015879E-2</v>
      </c>
      <c r="I53" s="190">
        <v>0.3</v>
      </c>
      <c r="J53" s="94">
        <v>8.0846229851500417E-2</v>
      </c>
      <c r="K53" s="190">
        <v>0</v>
      </c>
      <c r="L53" s="94">
        <v>2.158912047524995E-2</v>
      </c>
      <c r="M53" s="188">
        <v>124</v>
      </c>
      <c r="N53" s="84">
        <v>3.58</v>
      </c>
      <c r="O53" s="85">
        <v>0.3528</v>
      </c>
      <c r="P53" s="190">
        <v>0.48199999999999998</v>
      </c>
      <c r="Q53" s="94">
        <v>8.8334579439790659E-2</v>
      </c>
      <c r="R53" s="190">
        <v>0.159</v>
      </c>
      <c r="S53" s="94">
        <v>6.6349690757554008E-2</v>
      </c>
      <c r="T53" s="190">
        <v>0.35399999999999998</v>
      </c>
      <c r="U53" s="94">
        <v>8.4778283185050915E-2</v>
      </c>
      <c r="V53" s="190">
        <v>5.0000000000000001E-3</v>
      </c>
      <c r="W53" s="94">
        <v>2.5031093334988822E-2</v>
      </c>
    </row>
    <row r="54" spans="1:23">
      <c r="A54" s="49" t="s">
        <v>451</v>
      </c>
      <c r="B54" s="189">
        <v>168</v>
      </c>
      <c r="C54" s="172">
        <v>3.96</v>
      </c>
      <c r="D54" s="132">
        <v>0.21559999999999999</v>
      </c>
      <c r="E54" s="191">
        <v>0.35899999999999999</v>
      </c>
      <c r="F54" s="97">
        <v>7.3299789868647505E-2</v>
      </c>
      <c r="G54" s="191">
        <v>0.27700000000000002</v>
      </c>
      <c r="H54" s="97">
        <v>6.8634028048633333E-2</v>
      </c>
      <c r="I54" s="191">
        <v>0.36399999999999999</v>
      </c>
      <c r="J54" s="97">
        <v>7.3509100184115814E-2</v>
      </c>
      <c r="K54" s="191">
        <v>0</v>
      </c>
      <c r="L54" s="97">
        <v>1.6348457544826219E-2</v>
      </c>
      <c r="M54" s="189">
        <v>166</v>
      </c>
      <c r="N54" s="172">
        <v>3.19</v>
      </c>
      <c r="O54" s="132">
        <v>0.27440000000000003</v>
      </c>
      <c r="P54" s="191">
        <v>0.51900000000000002</v>
      </c>
      <c r="Q54" s="97">
        <v>7.664368104473529E-2</v>
      </c>
      <c r="R54" s="191">
        <v>0.26100000000000001</v>
      </c>
      <c r="S54" s="97">
        <v>6.7829444062169814E-2</v>
      </c>
      <c r="T54" s="191">
        <v>0.20100000000000001</v>
      </c>
      <c r="U54" s="97">
        <v>6.2262558009284812E-2</v>
      </c>
      <c r="V54" s="191">
        <v>1.9E-2</v>
      </c>
      <c r="W54" s="97">
        <v>2.6300743597468264E-2</v>
      </c>
    </row>
    <row r="55" spans="1:23">
      <c r="A55" s="57" t="s">
        <v>457</v>
      </c>
      <c r="B55" s="188">
        <v>128</v>
      </c>
      <c r="C55" s="84">
        <v>4.7</v>
      </c>
      <c r="D55" s="85">
        <v>0.23519999999999999</v>
      </c>
      <c r="E55" s="190">
        <v>0.20300000000000001</v>
      </c>
      <c r="F55" s="94">
        <v>7.1149863178385883E-2</v>
      </c>
      <c r="G55" s="190">
        <v>0.192</v>
      </c>
      <c r="H55" s="94">
        <v>6.9804537106648024E-2</v>
      </c>
      <c r="I55" s="190">
        <v>0.57599999999999996</v>
      </c>
      <c r="J55" s="94">
        <v>8.6088178306700042E-2</v>
      </c>
      <c r="K55" s="190">
        <v>2.9000000000000001E-2</v>
      </c>
      <c r="L55" s="94">
        <v>3.5419648008751609E-2</v>
      </c>
      <c r="M55" s="188">
        <v>130</v>
      </c>
      <c r="N55" s="84">
        <v>4.91</v>
      </c>
      <c r="O55" s="85">
        <v>0.31359999999999999</v>
      </c>
      <c r="P55" s="190">
        <v>0.16800000000000001</v>
      </c>
      <c r="Q55" s="94">
        <v>6.6075108854300235E-2</v>
      </c>
      <c r="R55" s="190">
        <v>0.17499999999999999</v>
      </c>
      <c r="S55" s="94">
        <v>6.7045729814227947E-2</v>
      </c>
      <c r="T55" s="190">
        <v>0.623</v>
      </c>
      <c r="U55" s="94">
        <v>8.3890608039449296E-2</v>
      </c>
      <c r="V55" s="190">
        <v>3.4000000000000002E-2</v>
      </c>
      <c r="W55" s="94">
        <v>3.6900445637609941E-2</v>
      </c>
    </row>
    <row r="56" spans="1:23">
      <c r="A56" s="49" t="s">
        <v>460</v>
      </c>
      <c r="B56" s="189">
        <v>195</v>
      </c>
      <c r="C56" s="172">
        <v>5.01</v>
      </c>
      <c r="D56" s="132">
        <v>0.19600000000000001</v>
      </c>
      <c r="E56" s="191">
        <v>0.17199999999999999</v>
      </c>
      <c r="F56" s="97">
        <v>5.4301876799136173E-2</v>
      </c>
      <c r="G56" s="191">
        <v>0.13400000000000001</v>
      </c>
      <c r="H56" s="97">
        <v>4.9393312989009688E-2</v>
      </c>
      <c r="I56" s="191">
        <v>0.66300000000000003</v>
      </c>
      <c r="J56" s="97">
        <v>6.7173871120312464E-2</v>
      </c>
      <c r="K56" s="191">
        <v>3.1E-2</v>
      </c>
      <c r="L56" s="97">
        <v>2.7924083148477271E-2</v>
      </c>
      <c r="M56" s="189">
        <v>195</v>
      </c>
      <c r="N56" s="172">
        <v>5.16</v>
      </c>
      <c r="O56" s="132">
        <v>0.25480000000000003</v>
      </c>
      <c r="P56" s="191">
        <v>0.124</v>
      </c>
      <c r="Q56" s="97">
        <v>4.792169851116463E-2</v>
      </c>
      <c r="R56" s="191">
        <v>0.126</v>
      </c>
      <c r="S56" s="97">
        <v>4.8222816520555323E-2</v>
      </c>
      <c r="T56" s="191">
        <v>0.71799999999999997</v>
      </c>
      <c r="U56" s="97">
        <v>6.40927894299754E-2</v>
      </c>
      <c r="V56" s="191">
        <v>3.2000000000000001E-2</v>
      </c>
      <c r="W56" s="97">
        <v>2.8246044811867516E-2</v>
      </c>
    </row>
    <row r="57" spans="1:23">
      <c r="A57" s="57" t="s">
        <v>458</v>
      </c>
      <c r="B57" s="188">
        <v>182</v>
      </c>
      <c r="C57" s="84">
        <v>4.88</v>
      </c>
      <c r="D57" s="85">
        <v>0.21559999999999999</v>
      </c>
      <c r="E57" s="190">
        <v>0.14000000000000001</v>
      </c>
      <c r="F57" s="94">
        <v>5.2036847156678723E-2</v>
      </c>
      <c r="G57" s="190">
        <v>0.22500000000000001</v>
      </c>
      <c r="H57" s="94">
        <v>6.1799661242487376E-2</v>
      </c>
      <c r="I57" s="190">
        <v>0.626</v>
      </c>
      <c r="J57" s="94">
        <v>7.1059492923745207E-2</v>
      </c>
      <c r="K57" s="190">
        <v>0.01</v>
      </c>
      <c r="L57" s="94">
        <v>2.0799007410921947E-2</v>
      </c>
      <c r="M57" s="188">
        <v>183</v>
      </c>
      <c r="N57" s="84">
        <v>5.32</v>
      </c>
      <c r="O57" s="85">
        <v>0.27440000000000003</v>
      </c>
      <c r="P57" s="190">
        <v>0.17599999999999999</v>
      </c>
      <c r="Q57" s="94">
        <v>5.6543376052540339E-2</v>
      </c>
      <c r="R57" s="190">
        <v>0.112</v>
      </c>
      <c r="S57" s="94">
        <v>4.7578250525514343E-2</v>
      </c>
      <c r="T57" s="190">
        <v>0.69599999999999995</v>
      </c>
      <c r="U57" s="94">
        <v>6.7532505632875703E-2</v>
      </c>
      <c r="V57" s="190">
        <v>1.7000000000000001E-2</v>
      </c>
      <c r="W57" s="94">
        <v>2.3846450484370015E-2</v>
      </c>
    </row>
    <row r="61" spans="1:23" ht="18.75">
      <c r="A61" s="321" t="s">
        <v>50</v>
      </c>
      <c r="B61" s="321"/>
      <c r="C61" s="321"/>
      <c r="D61" s="321"/>
      <c r="E61" s="321"/>
      <c r="F61" s="321"/>
      <c r="G61" s="321"/>
      <c r="H61" s="321"/>
      <c r="I61" s="321"/>
      <c r="J61" s="321"/>
      <c r="K61" s="321"/>
      <c r="L61" s="321"/>
      <c r="M61" s="321"/>
      <c r="N61" s="321"/>
      <c r="O61" s="321"/>
      <c r="P61" s="321"/>
      <c r="Q61" s="321"/>
      <c r="R61" s="321"/>
      <c r="S61" s="321"/>
      <c r="T61" s="321"/>
      <c r="U61" s="321"/>
      <c r="V61" s="321"/>
      <c r="W61" s="321"/>
    </row>
    <row r="62" spans="1:23" ht="36" customHeight="1">
      <c r="A62" s="389" t="s">
        <v>497</v>
      </c>
      <c r="B62" s="389"/>
      <c r="C62" s="389"/>
      <c r="D62" s="389"/>
      <c r="E62" s="389"/>
      <c r="F62" s="389"/>
      <c r="G62" s="389"/>
      <c r="H62" s="389"/>
      <c r="I62" s="389"/>
      <c r="J62" s="389"/>
      <c r="K62" s="389"/>
      <c r="L62" s="389"/>
      <c r="M62" s="389"/>
      <c r="N62" s="389"/>
      <c r="O62" s="389"/>
      <c r="P62" s="389"/>
      <c r="Q62" s="389"/>
      <c r="R62" s="389"/>
      <c r="S62" s="389"/>
      <c r="T62" s="389"/>
      <c r="U62" s="389"/>
      <c r="V62" s="389"/>
      <c r="W62" s="389"/>
    </row>
    <row r="63" spans="1:23" ht="37.5" customHeight="1">
      <c r="A63" s="64"/>
      <c r="B63" s="364" t="s">
        <v>273</v>
      </c>
      <c r="C63" s="365"/>
      <c r="D63" s="365"/>
      <c r="E63" s="365"/>
      <c r="F63" s="365"/>
      <c r="G63" s="365"/>
      <c r="H63" s="365"/>
      <c r="I63" s="365"/>
      <c r="J63" s="365"/>
      <c r="K63" s="365"/>
      <c r="L63" s="366"/>
      <c r="M63" s="364" t="s">
        <v>274</v>
      </c>
      <c r="N63" s="365"/>
      <c r="O63" s="365"/>
      <c r="P63" s="365"/>
      <c r="Q63" s="365"/>
      <c r="R63" s="365"/>
      <c r="S63" s="365"/>
      <c r="T63" s="365"/>
      <c r="U63" s="365"/>
      <c r="V63" s="365"/>
      <c r="W63" s="366"/>
    </row>
    <row r="64" spans="1:23" ht="39" customHeight="1">
      <c r="A64" s="37" t="s">
        <v>85</v>
      </c>
      <c r="B64" s="38" t="s">
        <v>86</v>
      </c>
      <c r="C64" s="39" t="s">
        <v>87</v>
      </c>
      <c r="D64" s="40" t="s">
        <v>88</v>
      </c>
      <c r="E64" s="38" t="s">
        <v>368</v>
      </c>
      <c r="F64" s="89" t="s">
        <v>162</v>
      </c>
      <c r="G64" s="38" t="s">
        <v>369</v>
      </c>
      <c r="H64" s="89" t="s">
        <v>163</v>
      </c>
      <c r="I64" s="38" t="s">
        <v>370</v>
      </c>
      <c r="J64" s="89" t="s">
        <v>136</v>
      </c>
      <c r="K64" s="38" t="s">
        <v>357</v>
      </c>
      <c r="L64" s="89" t="s">
        <v>371</v>
      </c>
      <c r="M64" s="65" t="s">
        <v>86</v>
      </c>
      <c r="N64" s="66" t="s">
        <v>87</v>
      </c>
      <c r="O64" s="67" t="s">
        <v>88</v>
      </c>
      <c r="P64" s="65" t="s">
        <v>404</v>
      </c>
      <c r="Q64" s="88" t="s">
        <v>405</v>
      </c>
      <c r="R64" s="65" t="s">
        <v>406</v>
      </c>
      <c r="S64" s="88" t="s">
        <v>407</v>
      </c>
      <c r="T64" s="65" t="s">
        <v>355</v>
      </c>
      <c r="U64" s="88" t="s">
        <v>408</v>
      </c>
      <c r="V64" s="65" t="s">
        <v>357</v>
      </c>
      <c r="W64" s="88" t="s">
        <v>371</v>
      </c>
    </row>
    <row r="65" spans="1:23" ht="72">
      <c r="A65" s="41"/>
      <c r="B65" s="42" t="s">
        <v>89</v>
      </c>
      <c r="C65" s="128" t="s">
        <v>360</v>
      </c>
      <c r="D65" s="44" t="s">
        <v>91</v>
      </c>
      <c r="E65" s="42" t="s">
        <v>181</v>
      </c>
      <c r="F65" s="91" t="s">
        <v>104</v>
      </c>
      <c r="G65" s="42" t="s">
        <v>182</v>
      </c>
      <c r="H65" s="91" t="s">
        <v>104</v>
      </c>
      <c r="I65" s="42" t="s">
        <v>183</v>
      </c>
      <c r="J65" s="91" t="s">
        <v>104</v>
      </c>
      <c r="K65" s="42" t="s">
        <v>357</v>
      </c>
      <c r="L65" s="91" t="s">
        <v>104</v>
      </c>
      <c r="M65" s="68" t="s">
        <v>89</v>
      </c>
      <c r="N65" s="274" t="s">
        <v>360</v>
      </c>
      <c r="O65" s="70" t="s">
        <v>91</v>
      </c>
      <c r="P65" s="68" t="s">
        <v>181</v>
      </c>
      <c r="Q65" s="90" t="s">
        <v>104</v>
      </c>
      <c r="R65" s="68" t="s">
        <v>182</v>
      </c>
      <c r="S65" s="90" t="s">
        <v>104</v>
      </c>
      <c r="T65" s="68" t="s">
        <v>183</v>
      </c>
      <c r="U65" s="90" t="s">
        <v>104</v>
      </c>
      <c r="V65" s="68" t="s">
        <v>357</v>
      </c>
      <c r="W65" s="90" t="s">
        <v>104</v>
      </c>
    </row>
    <row r="66" spans="1:23">
      <c r="A66" s="45" t="s">
        <v>436</v>
      </c>
      <c r="B66" s="188">
        <v>10974</v>
      </c>
      <c r="C66" s="84">
        <v>5.05</v>
      </c>
      <c r="D66" s="85">
        <v>3.9199999999999999E-2</v>
      </c>
      <c r="E66" s="190">
        <v>0.17299999999999999</v>
      </c>
      <c r="F66" s="94">
        <v>7.2220817888584603E-3</v>
      </c>
      <c r="G66" s="190">
        <v>0.15</v>
      </c>
      <c r="H66" s="94">
        <v>6.8182893901301313E-3</v>
      </c>
      <c r="I66" s="190">
        <v>0.66600000000000004</v>
      </c>
      <c r="J66" s="94">
        <v>9.0032296634387169E-3</v>
      </c>
      <c r="K66" s="190">
        <v>1.2E-2</v>
      </c>
      <c r="L66" s="94">
        <v>2.0935935476015023E-3</v>
      </c>
      <c r="M66" s="188">
        <v>11021</v>
      </c>
      <c r="N66" s="84">
        <v>3.66</v>
      </c>
      <c r="O66" s="85">
        <v>3.9199999999999999E-2</v>
      </c>
      <c r="P66" s="190">
        <v>0.16900000000000001</v>
      </c>
      <c r="Q66" s="94">
        <v>7.140151503402874E-3</v>
      </c>
      <c r="R66" s="190">
        <v>0.34299999999999997</v>
      </c>
      <c r="S66" s="94">
        <v>9.0424824045543337E-3</v>
      </c>
      <c r="T66" s="190">
        <v>0.46899999999999997</v>
      </c>
      <c r="U66" s="94">
        <v>9.5055004426834646E-3</v>
      </c>
      <c r="V66" s="190">
        <v>1.9E-2</v>
      </c>
      <c r="W66" s="94">
        <v>2.6121537351062162E-3</v>
      </c>
    </row>
    <row r="67" spans="1:23">
      <c r="A67" s="49" t="s">
        <v>437</v>
      </c>
      <c r="B67" s="49">
        <v>8828</v>
      </c>
      <c r="C67" s="172">
        <v>4.8899999999999997</v>
      </c>
      <c r="D67" s="132">
        <v>3.9199999999999999E-2</v>
      </c>
      <c r="E67" s="191">
        <v>0.20799999999999999</v>
      </c>
      <c r="F67" s="97">
        <v>8.6396565869103596E-3</v>
      </c>
      <c r="G67" s="191">
        <v>0.16</v>
      </c>
      <c r="H67" s="97">
        <v>7.8049328985811709E-3</v>
      </c>
      <c r="I67" s="191">
        <v>0.625</v>
      </c>
      <c r="J67" s="97">
        <v>1.0303130897152412E-2</v>
      </c>
      <c r="K67" s="191">
        <v>7.0000000000000001E-3</v>
      </c>
      <c r="L67" s="97">
        <v>1.8021604418710663E-3</v>
      </c>
      <c r="M67" s="49">
        <v>8875</v>
      </c>
      <c r="N67" s="172">
        <v>3.64</v>
      </c>
      <c r="O67" s="132">
        <v>3.9199999999999999E-2</v>
      </c>
      <c r="P67" s="191">
        <v>0.18</v>
      </c>
      <c r="Q67" s="97">
        <v>8.1569313846374756E-3</v>
      </c>
      <c r="R67" s="191">
        <v>0.31899999999999995</v>
      </c>
      <c r="S67" s="97">
        <v>9.8934180736553867E-3</v>
      </c>
      <c r="T67" s="191">
        <v>0.495</v>
      </c>
      <c r="U67" s="97">
        <v>1.0611976406735786E-2</v>
      </c>
      <c r="V67" s="191">
        <v>7.0000000000000001E-3</v>
      </c>
      <c r="W67" s="97">
        <v>1.797238361110935E-3</v>
      </c>
    </row>
    <row r="68" spans="1:23">
      <c r="A68" s="45" t="s">
        <v>438</v>
      </c>
      <c r="B68" s="53">
        <v>1981</v>
      </c>
      <c r="C68" s="84">
        <v>5.38</v>
      </c>
      <c r="D68" s="85">
        <v>5.8799999999999998E-2</v>
      </c>
      <c r="E68" s="190">
        <v>0.1065</v>
      </c>
      <c r="F68" s="94">
        <v>1.3892800854297369E-2</v>
      </c>
      <c r="G68" s="190">
        <v>0.13109999999999999</v>
      </c>
      <c r="H68" s="94">
        <v>1.5187207907680907E-2</v>
      </c>
      <c r="I68" s="190">
        <v>0.74199999999999999</v>
      </c>
      <c r="J68" s="94">
        <v>1.96529992525457E-2</v>
      </c>
      <c r="K68" s="190">
        <v>2.0400000000000001E-2</v>
      </c>
      <c r="L68" s="94">
        <v>6.4912144846174221E-3</v>
      </c>
      <c r="M68" s="53">
        <v>1984</v>
      </c>
      <c r="N68" s="84">
        <v>3.65</v>
      </c>
      <c r="O68" s="85">
        <v>7.8399999999999997E-2</v>
      </c>
      <c r="P68" s="190">
        <v>0.15229999999999999</v>
      </c>
      <c r="Q68" s="94">
        <v>1.6147628833673031E-2</v>
      </c>
      <c r="R68" s="190">
        <v>0.36819999999999997</v>
      </c>
      <c r="S68" s="94">
        <v>2.163807816512426E-2</v>
      </c>
      <c r="T68" s="190">
        <v>0.44189999999999996</v>
      </c>
      <c r="U68" s="94">
        <v>2.2276746647629256E-2</v>
      </c>
      <c r="V68" s="190">
        <v>3.7499999999999999E-2</v>
      </c>
      <c r="W68" s="94">
        <v>8.6228457202624908E-3</v>
      </c>
    </row>
    <row r="69" spans="1:23">
      <c r="A69" s="49" t="s">
        <v>439</v>
      </c>
      <c r="B69" s="49">
        <v>3917</v>
      </c>
      <c r="C69" s="172">
        <v>5.14</v>
      </c>
      <c r="D69" s="132">
        <v>5.8799999999999998E-2</v>
      </c>
      <c r="E69" s="191">
        <v>0.158</v>
      </c>
      <c r="F69" s="97">
        <v>1.1660176842015308E-2</v>
      </c>
      <c r="G69" s="191">
        <v>0.128</v>
      </c>
      <c r="H69" s="97">
        <v>1.0684227460747918E-2</v>
      </c>
      <c r="I69" s="191">
        <v>0.69799999999999995</v>
      </c>
      <c r="J69" s="97">
        <v>1.4667128518332226E-2</v>
      </c>
      <c r="K69" s="191">
        <v>1.6E-2</v>
      </c>
      <c r="L69" s="97">
        <v>4.0679898532191014E-3</v>
      </c>
      <c r="M69" s="49">
        <v>3931</v>
      </c>
      <c r="N69" s="172">
        <v>3.55</v>
      </c>
      <c r="O69" s="132">
        <v>5.8799999999999998E-2</v>
      </c>
      <c r="P69" s="191">
        <v>0.152</v>
      </c>
      <c r="Q69" s="97">
        <v>1.1457543694157565E-2</v>
      </c>
      <c r="R69" s="191">
        <v>0.32</v>
      </c>
      <c r="S69" s="97">
        <v>1.4874855750071313E-2</v>
      </c>
      <c r="T69" s="191">
        <v>0.5</v>
      </c>
      <c r="U69" s="97">
        <v>1.5941443036912015E-2</v>
      </c>
      <c r="V69" s="191">
        <v>2.9000000000000001E-2</v>
      </c>
      <c r="W69" s="97">
        <v>5.3928072664500828E-3</v>
      </c>
    </row>
    <row r="70" spans="1:23">
      <c r="A70" s="45" t="s">
        <v>440</v>
      </c>
      <c r="B70" s="53">
        <v>3280</v>
      </c>
      <c r="C70" s="84">
        <v>5.07</v>
      </c>
      <c r="D70" s="85">
        <v>5.8799999999999998E-2</v>
      </c>
      <c r="E70" s="190">
        <v>0.182</v>
      </c>
      <c r="F70" s="94">
        <v>1.3477196577809644E-2</v>
      </c>
      <c r="G70" s="190">
        <v>0.13</v>
      </c>
      <c r="H70" s="94">
        <v>1.1754351962274475E-2</v>
      </c>
      <c r="I70" s="190">
        <v>0.68100000000000005</v>
      </c>
      <c r="J70" s="94">
        <v>1.6269605766585715E-2</v>
      </c>
      <c r="K70" s="190">
        <v>7.0000000000000001E-3</v>
      </c>
      <c r="L70" s="94">
        <v>3.0310451731223554E-3</v>
      </c>
      <c r="M70" s="53">
        <v>3295</v>
      </c>
      <c r="N70" s="84">
        <v>3.51</v>
      </c>
      <c r="O70" s="85">
        <v>5.8799999999999998E-2</v>
      </c>
      <c r="P70" s="190">
        <v>0.155</v>
      </c>
      <c r="Q70" s="94">
        <v>1.2615682726918194E-2</v>
      </c>
      <c r="R70" s="190">
        <v>0.30099999999999999</v>
      </c>
      <c r="S70" s="94">
        <v>1.5975692861979262E-2</v>
      </c>
      <c r="T70" s="190">
        <v>0.53500000000000003</v>
      </c>
      <c r="U70" s="94">
        <v>1.7367799494643496E-2</v>
      </c>
      <c r="V70" s="190">
        <v>8.9999999999999993E-3</v>
      </c>
      <c r="W70" s="94">
        <v>3.3944950395702746E-3</v>
      </c>
    </row>
    <row r="71" spans="1:23">
      <c r="A71" s="49" t="s">
        <v>452</v>
      </c>
      <c r="B71" s="49">
        <v>576</v>
      </c>
      <c r="C71" s="172">
        <v>4.99</v>
      </c>
      <c r="D71" s="132">
        <v>0.13720000000000002</v>
      </c>
      <c r="E71" s="191">
        <v>0.21099999999999999</v>
      </c>
      <c r="F71" s="97">
        <v>3.4000714123509322E-2</v>
      </c>
      <c r="G71" s="191">
        <v>0.13700000000000001</v>
      </c>
      <c r="H71" s="97">
        <v>2.8772860320100974E-2</v>
      </c>
      <c r="I71" s="191">
        <v>0.64900000000000002</v>
      </c>
      <c r="J71" s="97">
        <v>3.9662730248089417E-2</v>
      </c>
      <c r="K71" s="191">
        <v>3.0000000000000001E-3</v>
      </c>
      <c r="L71" s="97">
        <v>6.6365094390149282E-3</v>
      </c>
      <c r="M71" s="49">
        <v>578</v>
      </c>
      <c r="N71" s="172">
        <v>3.54</v>
      </c>
      <c r="O71" s="132">
        <v>0.15679999999999999</v>
      </c>
      <c r="P71" s="191">
        <v>0.161</v>
      </c>
      <c r="Q71" s="97">
        <v>3.0646329916379954E-2</v>
      </c>
      <c r="R71" s="191">
        <v>0.32400000000000001</v>
      </c>
      <c r="S71" s="97">
        <v>3.8836012953244403E-2</v>
      </c>
      <c r="T71" s="191">
        <v>0.504</v>
      </c>
      <c r="U71" s="97">
        <v>4.1450025321395016E-2</v>
      </c>
      <c r="V71" s="191">
        <v>1.0999999999999999E-2</v>
      </c>
      <c r="W71" s="97">
        <v>9.8631848557254771E-3</v>
      </c>
    </row>
    <row r="72" spans="1:23">
      <c r="A72" s="45" t="s">
        <v>441</v>
      </c>
      <c r="B72" s="53">
        <v>148</v>
      </c>
      <c r="C72" s="84">
        <v>5.08</v>
      </c>
      <c r="D72" s="85">
        <v>0.25480000000000003</v>
      </c>
      <c r="E72" s="190">
        <v>0.20699999999999999</v>
      </c>
      <c r="F72" s="94">
        <v>6.6611583512373812E-2</v>
      </c>
      <c r="G72" s="190">
        <v>9.8000000000000004E-2</v>
      </c>
      <c r="H72" s="94">
        <v>5.0468739557740283E-2</v>
      </c>
      <c r="I72" s="190">
        <v>0.68799999999999994</v>
      </c>
      <c r="J72" s="94">
        <v>7.5479473346282452E-2</v>
      </c>
      <c r="K72" s="190">
        <v>7.0000000000000001E-3</v>
      </c>
      <c r="L72" s="94">
        <v>2.2696357318199353E-2</v>
      </c>
      <c r="M72" s="53">
        <v>149</v>
      </c>
      <c r="N72" s="84">
        <v>3.57</v>
      </c>
      <c r="O72" s="85">
        <v>0.31359999999999999</v>
      </c>
      <c r="P72" s="190">
        <v>0.15</v>
      </c>
      <c r="Q72" s="94">
        <v>5.9148975599319677E-2</v>
      </c>
      <c r="R72" s="190">
        <v>0.30099999999999999</v>
      </c>
      <c r="S72" s="94">
        <v>7.4525527201183467E-2</v>
      </c>
      <c r="T72" s="190">
        <v>0.54099999999999993</v>
      </c>
      <c r="U72" s="94">
        <v>8.0587020551940114E-2</v>
      </c>
      <c r="V72" s="190">
        <v>8.9999999999999993E-3</v>
      </c>
      <c r="W72" s="94">
        <v>2.363102212241518E-2</v>
      </c>
    </row>
    <row r="73" spans="1:23">
      <c r="A73" s="49" t="s">
        <v>442</v>
      </c>
      <c r="B73" s="49">
        <v>109</v>
      </c>
      <c r="C73" s="172">
        <v>4.3899999999999997</v>
      </c>
      <c r="D73" s="132">
        <v>0.3528</v>
      </c>
      <c r="E73" s="191">
        <v>0.36399999999999999</v>
      </c>
      <c r="F73" s="97">
        <v>9.077644916945124E-2</v>
      </c>
      <c r="G73" s="191">
        <v>9.0999999999999998E-2</v>
      </c>
      <c r="H73" s="97">
        <v>5.7791904310503295E-2</v>
      </c>
      <c r="I73" s="191">
        <v>0.54500000000000004</v>
      </c>
      <c r="J73" s="97">
        <v>9.3716919909917665E-2</v>
      </c>
      <c r="K73" s="191">
        <v>0</v>
      </c>
      <c r="L73" s="97">
        <v>2.4807832313658393E-2</v>
      </c>
      <c r="M73" s="49">
        <v>109</v>
      </c>
      <c r="N73" s="172">
        <v>3.73</v>
      </c>
      <c r="O73" s="132">
        <v>0.37240000000000001</v>
      </c>
      <c r="P73" s="191">
        <v>0.22500000000000001</v>
      </c>
      <c r="Q73" s="97">
        <v>7.9741667315603892E-2</v>
      </c>
      <c r="R73" s="191">
        <v>0.30199999999999999</v>
      </c>
      <c r="S73" s="97">
        <v>8.6938566541590198E-2</v>
      </c>
      <c r="T73" s="191">
        <v>0.436</v>
      </c>
      <c r="U73" s="97">
        <v>9.3352287347166774E-2</v>
      </c>
      <c r="V73" s="191">
        <v>3.6999999999999998E-2</v>
      </c>
      <c r="W73" s="97">
        <v>4.2296448344584459E-2</v>
      </c>
    </row>
    <row r="74" spans="1:23">
      <c r="A74" s="45" t="s">
        <v>443</v>
      </c>
      <c r="B74" s="53">
        <v>119</v>
      </c>
      <c r="C74" s="84">
        <v>5.51</v>
      </c>
      <c r="D74" s="85">
        <v>0.25480000000000003</v>
      </c>
      <c r="E74" s="190">
        <v>0.10299999999999999</v>
      </c>
      <c r="F74" s="94">
        <v>5.7728072689394901E-2</v>
      </c>
      <c r="G74" s="190">
        <v>0.16500000000000001</v>
      </c>
      <c r="H74" s="94">
        <v>6.8658575817721446E-2</v>
      </c>
      <c r="I74" s="190">
        <v>0.72699999999999998</v>
      </c>
      <c r="J74" s="94">
        <v>8.1003459540760728E-2</v>
      </c>
      <c r="K74" s="190">
        <v>5.0000000000000001E-3</v>
      </c>
      <c r="L74" s="94">
        <v>2.5915719495299187E-2</v>
      </c>
      <c r="M74" s="53">
        <v>121</v>
      </c>
      <c r="N74" s="84">
        <v>3.51</v>
      </c>
      <c r="O74" s="85">
        <v>0.31359999999999999</v>
      </c>
      <c r="P74" s="190">
        <v>0.13200000000000001</v>
      </c>
      <c r="Q74" s="94">
        <v>6.276418388195612E-2</v>
      </c>
      <c r="R74" s="190">
        <v>0.41000000000000003</v>
      </c>
      <c r="S74" s="94">
        <v>8.8074533091013318E-2</v>
      </c>
      <c r="T74" s="190">
        <v>0.45199999999999996</v>
      </c>
      <c r="U74" s="94">
        <v>8.9055685357690664E-2</v>
      </c>
      <c r="V74" s="190">
        <v>7.0000000000000001E-3</v>
      </c>
      <c r="W74" s="94">
        <v>2.668767735056762E-2</v>
      </c>
    </row>
    <row r="75" spans="1:23">
      <c r="A75" s="49" t="s">
        <v>444</v>
      </c>
      <c r="B75" s="49">
        <v>82</v>
      </c>
      <c r="C75" s="172">
        <v>5.0199999999999996</v>
      </c>
      <c r="D75" s="132">
        <v>0.3332</v>
      </c>
      <c r="E75" s="191">
        <v>0.22500000000000001</v>
      </c>
      <c r="F75" s="97">
        <v>9.181535610883497E-2</v>
      </c>
      <c r="G75" s="191">
        <v>0.112</v>
      </c>
      <c r="H75" s="97">
        <v>7.2540098435221398E-2</v>
      </c>
      <c r="I75" s="191">
        <v>0.66200000000000003</v>
      </c>
      <c r="J75" s="97">
        <v>0.10255810102659414</v>
      </c>
      <c r="K75" s="191">
        <v>0</v>
      </c>
      <c r="L75" s="97">
        <v>3.2504011252172456E-2</v>
      </c>
      <c r="M75" s="49">
        <v>82</v>
      </c>
      <c r="N75" s="172">
        <v>3.61</v>
      </c>
      <c r="O75" s="132">
        <v>0.37240000000000001</v>
      </c>
      <c r="P75" s="191">
        <v>0.25900000000000001</v>
      </c>
      <c r="Q75" s="97">
        <v>9.577013062107062E-2</v>
      </c>
      <c r="R75" s="191">
        <v>0.19500000000000001</v>
      </c>
      <c r="S75" s="97">
        <v>8.771710460244049E-2</v>
      </c>
      <c r="T75" s="191">
        <v>0.54600000000000004</v>
      </c>
      <c r="U75" s="97">
        <v>0.10741708746312062</v>
      </c>
      <c r="V75" s="191">
        <v>0</v>
      </c>
      <c r="W75" s="97">
        <v>3.2504011252172456E-2</v>
      </c>
    </row>
    <row r="76" spans="1:23">
      <c r="A76" s="45" t="s">
        <v>445</v>
      </c>
      <c r="B76" s="188">
        <v>122</v>
      </c>
      <c r="C76" s="84">
        <v>4.59</v>
      </c>
      <c r="D76" s="85">
        <v>0.29399999999999998</v>
      </c>
      <c r="E76" s="190">
        <v>0.23300000000000001</v>
      </c>
      <c r="F76" s="94">
        <v>7.6254677693479322E-2</v>
      </c>
      <c r="G76" s="190">
        <v>0.19700000000000001</v>
      </c>
      <c r="H76" s="94">
        <v>7.2139110934018633E-2</v>
      </c>
      <c r="I76" s="190">
        <v>0.56999999999999995</v>
      </c>
      <c r="J76" s="94">
        <v>8.826478433460945E-2</v>
      </c>
      <c r="K76" s="190">
        <v>0</v>
      </c>
      <c r="L76" s="94">
        <v>2.226896426705402E-2</v>
      </c>
      <c r="M76" s="188">
        <v>121</v>
      </c>
      <c r="N76" s="84">
        <v>3.41</v>
      </c>
      <c r="O76" s="85">
        <v>0.29399999999999998</v>
      </c>
      <c r="P76" s="190">
        <v>0.11700000000000001</v>
      </c>
      <c r="Q76" s="94">
        <v>6.0013034974478671E-2</v>
      </c>
      <c r="R76" s="190">
        <v>0.311</v>
      </c>
      <c r="S76" s="94">
        <v>8.3240099124592584E-2</v>
      </c>
      <c r="T76" s="190">
        <v>0.57099999999999995</v>
      </c>
      <c r="U76" s="94">
        <v>8.8593717522813101E-2</v>
      </c>
      <c r="V76" s="190">
        <v>0</v>
      </c>
      <c r="W76" s="94">
        <v>2.2445667733440235E-2</v>
      </c>
    </row>
    <row r="77" spans="1:23">
      <c r="A77" s="49" t="s">
        <v>453</v>
      </c>
      <c r="B77" s="189">
        <v>953</v>
      </c>
      <c r="C77" s="172">
        <v>5.12</v>
      </c>
      <c r="D77" s="132">
        <v>9.8000000000000004E-2</v>
      </c>
      <c r="E77" s="191">
        <v>0.16200000000000001</v>
      </c>
      <c r="F77" s="97">
        <v>2.3904111992330949E-2</v>
      </c>
      <c r="G77" s="191">
        <v>0.14299999999999999</v>
      </c>
      <c r="H77" s="97">
        <v>2.2730457091197885E-2</v>
      </c>
      <c r="I77" s="191">
        <v>0.69299999999999995</v>
      </c>
      <c r="J77" s="97">
        <v>2.9841919325502599E-2</v>
      </c>
      <c r="K77" s="191">
        <v>3.0000000000000001E-3</v>
      </c>
      <c r="L77" s="97">
        <v>4.5950069421352392E-3</v>
      </c>
      <c r="M77" s="189">
        <v>961</v>
      </c>
      <c r="N77" s="172">
        <v>3.53</v>
      </c>
      <c r="O77" s="132">
        <v>0.1176</v>
      </c>
      <c r="P77" s="191">
        <v>0.13500000000000001</v>
      </c>
      <c r="Q77" s="97">
        <v>2.2104524839168402E-2</v>
      </c>
      <c r="R77" s="191">
        <v>0.33900000000000002</v>
      </c>
      <c r="S77" s="97">
        <v>3.0491207855537966E-2</v>
      </c>
      <c r="T77" s="191">
        <v>0.51</v>
      </c>
      <c r="U77" s="97">
        <v>3.2184753401132631E-2</v>
      </c>
      <c r="V77" s="191">
        <v>1.6E-2</v>
      </c>
      <c r="W77" s="97">
        <v>8.5611470210455523E-3</v>
      </c>
    </row>
    <row r="78" spans="1:23">
      <c r="A78" s="45" t="s">
        <v>446</v>
      </c>
      <c r="B78" s="54">
        <v>102</v>
      </c>
      <c r="C78" s="84">
        <v>4.8</v>
      </c>
      <c r="D78" s="85">
        <v>0.3332</v>
      </c>
      <c r="E78" s="190">
        <v>0.27400000000000002</v>
      </c>
      <c r="F78" s="94">
        <v>8.7460192674338272E-2</v>
      </c>
      <c r="G78" s="190">
        <v>0.10299999999999999</v>
      </c>
      <c r="H78" s="94">
        <v>6.2664601228740374E-2</v>
      </c>
      <c r="I78" s="190">
        <v>0.623</v>
      </c>
      <c r="J78" s="94">
        <v>9.4368060576744905E-2</v>
      </c>
      <c r="K78" s="190">
        <v>0</v>
      </c>
      <c r="L78" s="94">
        <v>2.6430347017829241E-2</v>
      </c>
      <c r="M78" s="54">
        <v>105</v>
      </c>
      <c r="N78" s="84">
        <v>3.89</v>
      </c>
      <c r="O78" s="85">
        <v>0.3528</v>
      </c>
      <c r="P78" s="190">
        <v>0.22</v>
      </c>
      <c r="Q78" s="94">
        <v>8.0650690482494805E-2</v>
      </c>
      <c r="R78" s="190">
        <v>0.35599999999999998</v>
      </c>
      <c r="S78" s="94">
        <v>9.2022730206559378E-2</v>
      </c>
      <c r="T78" s="190">
        <v>0.35899999999999999</v>
      </c>
      <c r="U78" s="94">
        <v>9.2180792136304937E-2</v>
      </c>
      <c r="V78" s="190">
        <v>6.5000000000000002E-2</v>
      </c>
      <c r="W78" s="94">
        <v>5.2254931327709482E-2</v>
      </c>
    </row>
    <row r="79" spans="1:23">
      <c r="A79" s="49" t="s">
        <v>447</v>
      </c>
      <c r="B79" s="189">
        <v>196</v>
      </c>
      <c r="C79" s="172">
        <v>5.47</v>
      </c>
      <c r="D79" s="132">
        <v>0.19600000000000001</v>
      </c>
      <c r="E79" s="191">
        <v>9.0999999999999998E-2</v>
      </c>
      <c r="F79" s="97">
        <v>4.2271344336323152E-2</v>
      </c>
      <c r="G79" s="191">
        <v>7.6999999999999999E-2</v>
      </c>
      <c r="H79" s="97">
        <v>3.9536461247815284E-2</v>
      </c>
      <c r="I79" s="191">
        <v>0.83199999999999996</v>
      </c>
      <c r="J79" s="97">
        <v>5.3691874692545431E-2</v>
      </c>
      <c r="K79" s="191">
        <v>0</v>
      </c>
      <c r="L79" s="97">
        <v>1.4071247279470289E-2</v>
      </c>
      <c r="M79" s="189">
        <v>198</v>
      </c>
      <c r="N79" s="172">
        <v>3.36</v>
      </c>
      <c r="O79" s="132">
        <v>0.23519999999999999</v>
      </c>
      <c r="P79" s="191">
        <v>0.13100000000000001</v>
      </c>
      <c r="Q79" s="97">
        <v>4.8579448781022175E-2</v>
      </c>
      <c r="R79" s="191">
        <v>0.27400000000000002</v>
      </c>
      <c r="S79" s="97">
        <v>6.3077319210848942E-2</v>
      </c>
      <c r="T79" s="191">
        <v>0.59200000000000008</v>
      </c>
      <c r="U79" s="97">
        <v>6.9205947353667224E-2</v>
      </c>
      <c r="V79" s="191">
        <v>4.0000000000000001E-3</v>
      </c>
      <c r="W79" s="97">
        <v>1.6429109950784452E-2</v>
      </c>
    </row>
    <row r="80" spans="1:23">
      <c r="A80" s="57" t="s">
        <v>448</v>
      </c>
      <c r="B80" s="188">
        <v>241</v>
      </c>
      <c r="C80" s="84">
        <v>5.53</v>
      </c>
      <c r="D80" s="85">
        <v>0.1764</v>
      </c>
      <c r="E80" s="190">
        <v>0.108</v>
      </c>
      <c r="F80" s="94">
        <v>4.0670430516129855E-2</v>
      </c>
      <c r="G80" s="190">
        <v>0.1</v>
      </c>
      <c r="H80" s="94">
        <v>3.9420670202034283E-2</v>
      </c>
      <c r="I80" s="190">
        <v>0.78900000000000003</v>
      </c>
      <c r="J80" s="94">
        <v>5.2556512377084259E-2</v>
      </c>
      <c r="K80" s="190">
        <v>3.0000000000000001E-3</v>
      </c>
      <c r="L80" s="94">
        <v>1.3395557208876252E-2</v>
      </c>
      <c r="M80" s="188">
        <v>241</v>
      </c>
      <c r="N80" s="84">
        <v>3.31</v>
      </c>
      <c r="O80" s="85">
        <v>0.21559999999999999</v>
      </c>
      <c r="P80" s="190">
        <v>7.5999999999999998E-2</v>
      </c>
      <c r="Q80" s="94">
        <v>3.5235954836239813E-2</v>
      </c>
      <c r="R80" s="190">
        <v>0.38400000000000001</v>
      </c>
      <c r="S80" s="94">
        <v>6.2201751116456587E-2</v>
      </c>
      <c r="T80" s="190">
        <v>0.51700000000000002</v>
      </c>
      <c r="U80" s="94">
        <v>6.3851915375694859E-2</v>
      </c>
      <c r="V80" s="190">
        <v>2.3E-2</v>
      </c>
      <c r="W80" s="94">
        <v>2.2072189256542123E-2</v>
      </c>
    </row>
    <row r="81" spans="1:32">
      <c r="A81" s="49" t="s">
        <v>449</v>
      </c>
      <c r="B81" s="189">
        <v>121</v>
      </c>
      <c r="C81" s="172">
        <v>5.27</v>
      </c>
      <c r="D81" s="132">
        <v>0.31359999999999999</v>
      </c>
      <c r="E81" s="191">
        <v>0.13800000000000001</v>
      </c>
      <c r="F81" s="97">
        <v>6.3801849990482259E-2</v>
      </c>
      <c r="G81" s="191">
        <v>0.11700000000000001</v>
      </c>
      <c r="H81" s="97">
        <v>6.0013034974478671E-2</v>
      </c>
      <c r="I81" s="191">
        <v>0.745</v>
      </c>
      <c r="J81" s="97">
        <v>7.8741122044329551E-2</v>
      </c>
      <c r="K81" s="191">
        <v>0</v>
      </c>
      <c r="L81" s="97">
        <v>2.2445667733440235E-2</v>
      </c>
      <c r="M81" s="189">
        <v>123</v>
      </c>
      <c r="N81" s="172">
        <v>3.89</v>
      </c>
      <c r="O81" s="132">
        <v>0.3332</v>
      </c>
      <c r="P81" s="191">
        <v>0.22800000000000001</v>
      </c>
      <c r="Q81" s="97">
        <v>7.5420713371602346E-2</v>
      </c>
      <c r="R81" s="191">
        <v>0.375</v>
      </c>
      <c r="S81" s="97">
        <v>8.6095305538843953E-2</v>
      </c>
      <c r="T81" s="191">
        <v>0.39599999999999996</v>
      </c>
      <c r="U81" s="97">
        <v>8.6916485092442486E-2</v>
      </c>
      <c r="V81" s="191">
        <v>0</v>
      </c>
      <c r="W81" s="97">
        <v>2.2095020994736762E-2</v>
      </c>
    </row>
    <row r="82" spans="1:32">
      <c r="A82" s="57" t="s">
        <v>450</v>
      </c>
      <c r="B82" s="188">
        <v>126</v>
      </c>
      <c r="C82" s="84">
        <v>4.22</v>
      </c>
      <c r="D82" s="85">
        <v>0.29399999999999998</v>
      </c>
      <c r="E82" s="190">
        <v>0.33</v>
      </c>
      <c r="F82" s="94">
        <v>8.2806744539823382E-2</v>
      </c>
      <c r="G82" s="190">
        <v>0.218</v>
      </c>
      <c r="H82" s="94">
        <v>7.3441655675425419E-2</v>
      </c>
      <c r="I82" s="190">
        <v>0.44600000000000001</v>
      </c>
      <c r="J82" s="94">
        <v>8.7223970848489013E-2</v>
      </c>
      <c r="K82" s="190">
        <v>5.0000000000000001E-3</v>
      </c>
      <c r="L82" s="94">
        <v>2.4695988591797089E-2</v>
      </c>
      <c r="M82" s="188">
        <v>126</v>
      </c>
      <c r="N82" s="84">
        <v>3.62</v>
      </c>
      <c r="O82" s="85">
        <v>0.31359999999999999</v>
      </c>
      <c r="P82" s="190">
        <v>0.156</v>
      </c>
      <c r="Q82" s="94">
        <v>6.5359168929321185E-2</v>
      </c>
      <c r="R82" s="190">
        <v>0.26</v>
      </c>
      <c r="S82" s="94">
        <v>7.7636249035582444E-2</v>
      </c>
      <c r="T82" s="190">
        <v>0.57499999999999996</v>
      </c>
      <c r="U82" s="94">
        <v>8.677394653348379E-2</v>
      </c>
      <c r="V82" s="190">
        <v>8.9999999999999993E-3</v>
      </c>
      <c r="W82" s="94">
        <v>2.6905253407117892E-2</v>
      </c>
    </row>
    <row r="83" spans="1:32">
      <c r="A83" s="49" t="s">
        <v>451</v>
      </c>
      <c r="B83" s="189">
        <v>167</v>
      </c>
      <c r="C83" s="172">
        <v>4.63</v>
      </c>
      <c r="D83" s="132">
        <v>0.23519999999999999</v>
      </c>
      <c r="E83" s="191">
        <v>0.189</v>
      </c>
      <c r="F83" s="97">
        <v>6.0746050927693404E-2</v>
      </c>
      <c r="G83" s="191">
        <v>0.29199999999999998</v>
      </c>
      <c r="H83" s="97">
        <v>6.9876478104749118E-2</v>
      </c>
      <c r="I83" s="191">
        <v>0.50900000000000001</v>
      </c>
      <c r="J83" s="97">
        <v>7.6460094725518055E-2</v>
      </c>
      <c r="K83" s="191">
        <v>0.01</v>
      </c>
      <c r="L83" s="97">
        <v>2.2164389204796953E-2</v>
      </c>
      <c r="M83" s="189">
        <v>168</v>
      </c>
      <c r="N83" s="172">
        <v>3.72</v>
      </c>
      <c r="O83" s="132">
        <v>0.29399999999999998</v>
      </c>
      <c r="P83" s="191">
        <v>0.127</v>
      </c>
      <c r="Q83" s="97">
        <v>5.2221992769896225E-2</v>
      </c>
      <c r="R83" s="191">
        <v>0.40500000000000003</v>
      </c>
      <c r="S83" s="97">
        <v>7.4924750843467544E-2</v>
      </c>
      <c r="T83" s="191">
        <v>0.44700000000000006</v>
      </c>
      <c r="U83" s="97">
        <v>7.5839508014549487E-2</v>
      </c>
      <c r="V83" s="191">
        <v>0.02</v>
      </c>
      <c r="W83" s="97">
        <v>2.6497771373425173E-2</v>
      </c>
    </row>
    <row r="84" spans="1:32">
      <c r="A84" s="57" t="s">
        <v>457</v>
      </c>
      <c r="B84" s="188">
        <v>130</v>
      </c>
      <c r="C84" s="84">
        <v>5.24</v>
      </c>
      <c r="D84" s="85">
        <v>0.25480000000000003</v>
      </c>
      <c r="E84" s="190">
        <v>4.8000000000000001E-2</v>
      </c>
      <c r="F84" s="94">
        <v>4.1505692890662568E-2</v>
      </c>
      <c r="G84" s="190">
        <v>0.17199999999999999</v>
      </c>
      <c r="H84" s="94">
        <v>6.6634010592352022E-2</v>
      </c>
      <c r="I84" s="190">
        <v>0.749</v>
      </c>
      <c r="J84" s="94">
        <v>7.5635675304844524E-2</v>
      </c>
      <c r="K84" s="190">
        <v>3.2000000000000001E-2</v>
      </c>
      <c r="L84" s="94">
        <v>3.6182330408236235E-2</v>
      </c>
      <c r="M84" s="188">
        <v>130</v>
      </c>
      <c r="N84" s="84">
        <v>3.95</v>
      </c>
      <c r="O84" s="85">
        <v>0.3332</v>
      </c>
      <c r="P84" s="190">
        <v>0.20699999999999999</v>
      </c>
      <c r="Q84" s="94">
        <v>7.1068563954884881E-2</v>
      </c>
      <c r="R84" s="190">
        <v>0.38400000000000001</v>
      </c>
      <c r="S84" s="94">
        <v>8.417028813977015E-2</v>
      </c>
      <c r="T84" s="190">
        <v>0.35700000000000004</v>
      </c>
      <c r="U84" s="94">
        <v>8.2994985353051429E-2</v>
      </c>
      <c r="V84" s="190">
        <v>5.1999999999999998E-2</v>
      </c>
      <c r="W84" s="94">
        <v>4.2706736032860633E-2</v>
      </c>
    </row>
    <row r="85" spans="1:32">
      <c r="A85" s="49" t="s">
        <v>460</v>
      </c>
      <c r="B85" s="189">
        <v>195</v>
      </c>
      <c r="C85" s="172">
        <v>5.24</v>
      </c>
      <c r="D85" s="132">
        <v>0.21559999999999999</v>
      </c>
      <c r="E85" s="191">
        <v>0.14599999999999999</v>
      </c>
      <c r="F85" s="97">
        <v>5.1053464477115923E-2</v>
      </c>
      <c r="G85" s="191">
        <v>0.114</v>
      </c>
      <c r="H85" s="97">
        <v>4.6361825845145692E-2</v>
      </c>
      <c r="I85" s="191">
        <v>0.70599999999999996</v>
      </c>
      <c r="J85" s="97">
        <v>6.4854351612578423E-2</v>
      </c>
      <c r="K85" s="191">
        <v>3.4000000000000002E-2</v>
      </c>
      <c r="L85" s="97">
        <v>2.8877196882592639E-2</v>
      </c>
      <c r="M85" s="189">
        <v>195</v>
      </c>
      <c r="N85" s="172">
        <v>3.7</v>
      </c>
      <c r="O85" s="132">
        <v>0.27440000000000003</v>
      </c>
      <c r="P85" s="191">
        <v>0.13700000000000001</v>
      </c>
      <c r="Q85" s="97">
        <v>4.9818768551735428E-2</v>
      </c>
      <c r="R85" s="191">
        <v>0.374</v>
      </c>
      <c r="S85" s="97">
        <v>6.8692866331740932E-2</v>
      </c>
      <c r="T85" s="191">
        <v>0.40800000000000003</v>
      </c>
      <c r="U85" s="97">
        <v>6.9726362734615521E-2</v>
      </c>
      <c r="V85" s="191">
        <v>8.1000000000000003E-2</v>
      </c>
      <c r="W85" s="97">
        <v>4.0456142068869411E-2</v>
      </c>
    </row>
    <row r="86" spans="1:32">
      <c r="A86" s="57" t="s">
        <v>458</v>
      </c>
      <c r="B86" s="188">
        <v>182</v>
      </c>
      <c r="C86" s="84">
        <v>5.43</v>
      </c>
      <c r="D86" s="85">
        <v>0.23519999999999999</v>
      </c>
      <c r="E86" s="190">
        <v>9.6000000000000002E-2</v>
      </c>
      <c r="F86" s="94">
        <v>4.4896190579426294E-2</v>
      </c>
      <c r="G86" s="190">
        <v>8.2000000000000003E-2</v>
      </c>
      <c r="H86" s="94">
        <v>4.217480371625229E-2</v>
      </c>
      <c r="I86" s="190">
        <v>0.78</v>
      </c>
      <c r="J86" s="94">
        <v>6.1335633047773154E-2</v>
      </c>
      <c r="K86" s="190">
        <v>4.2000000000000003E-2</v>
      </c>
      <c r="L86" s="94">
        <v>3.2515040562061184E-2</v>
      </c>
      <c r="M86" s="188">
        <v>180</v>
      </c>
      <c r="N86" s="84">
        <v>3.19</v>
      </c>
      <c r="O86" s="85">
        <v>0.27440000000000003</v>
      </c>
      <c r="P86" s="190">
        <v>9.9000000000000005E-2</v>
      </c>
      <c r="Q86" s="94">
        <v>4.5710420017220747E-2</v>
      </c>
      <c r="R86" s="190">
        <v>0.27500000000000002</v>
      </c>
      <c r="S86" s="94">
        <v>6.6193419168882356E-2</v>
      </c>
      <c r="T86" s="190">
        <v>0.55200000000000005</v>
      </c>
      <c r="U86" s="94">
        <v>7.3338448207844173E-2</v>
      </c>
      <c r="V86" s="190">
        <v>7.3999999999999996E-2</v>
      </c>
      <c r="W86" s="94">
        <v>4.0734692287399905E-2</v>
      </c>
    </row>
    <row r="90" spans="1:32" ht="18.75">
      <c r="A90" s="322" t="s">
        <v>275</v>
      </c>
      <c r="B90" s="322"/>
      <c r="C90" s="322"/>
      <c r="D90" s="322"/>
      <c r="E90" s="322"/>
      <c r="F90" s="322"/>
      <c r="G90" s="322"/>
      <c r="H90" s="322"/>
      <c r="I90" s="322"/>
      <c r="J90" s="322"/>
      <c r="K90" s="322"/>
      <c r="L90" s="322"/>
      <c r="M90" s="228"/>
      <c r="N90" s="228"/>
      <c r="O90" s="228"/>
      <c r="P90" s="258"/>
      <c r="Q90" s="258"/>
      <c r="R90" s="258"/>
      <c r="S90" s="258"/>
      <c r="T90" s="258"/>
      <c r="U90" s="258"/>
      <c r="V90" s="258"/>
      <c r="W90" s="258"/>
      <c r="X90" s="258"/>
      <c r="Y90" s="258"/>
      <c r="Z90" s="258"/>
      <c r="AA90" s="258"/>
      <c r="AB90" s="258"/>
    </row>
    <row r="91" spans="1:32" ht="39.75" customHeight="1">
      <c r="A91" s="389" t="s">
        <v>498</v>
      </c>
      <c r="B91" s="389"/>
      <c r="C91" s="389"/>
      <c r="D91" s="389"/>
      <c r="E91" s="389"/>
      <c r="F91" s="389"/>
      <c r="G91" s="389"/>
      <c r="H91" s="389"/>
      <c r="I91" s="389"/>
      <c r="J91" s="389"/>
      <c r="K91" s="389"/>
      <c r="L91" s="389"/>
      <c r="M91" s="241"/>
      <c r="N91" s="241"/>
      <c r="O91" s="241"/>
      <c r="P91" s="258"/>
      <c r="Q91" s="258"/>
      <c r="R91" s="258"/>
      <c r="S91" s="258"/>
      <c r="T91" s="258"/>
      <c r="U91" s="258"/>
      <c r="V91" s="258"/>
      <c r="W91" s="258"/>
      <c r="X91" s="258"/>
      <c r="Y91" s="258"/>
      <c r="Z91" s="258"/>
      <c r="AA91" s="258"/>
      <c r="AB91" s="258"/>
    </row>
    <row r="92" spans="1:32" ht="36" customHeight="1">
      <c r="A92" s="64"/>
      <c r="B92" s="364" t="s">
        <v>276</v>
      </c>
      <c r="C92" s="365"/>
      <c r="D92" s="365"/>
      <c r="E92" s="365"/>
      <c r="F92" s="365"/>
      <c r="G92" s="365"/>
      <c r="H92" s="365"/>
      <c r="I92" s="365"/>
      <c r="J92" s="365"/>
      <c r="K92" s="365"/>
      <c r="L92" s="366"/>
      <c r="M92" s="258"/>
      <c r="N92" s="258"/>
      <c r="O92" s="258"/>
      <c r="P92" s="258"/>
      <c r="Q92" s="258"/>
      <c r="R92" s="258"/>
      <c r="S92" s="258"/>
      <c r="T92" s="258"/>
      <c r="U92" s="258"/>
      <c r="V92" s="258"/>
      <c r="W92" s="258"/>
      <c r="X92" s="258"/>
      <c r="Y92" s="258"/>
      <c r="Z92" s="258"/>
      <c r="AA92" s="258"/>
      <c r="AB92" s="258"/>
      <c r="AC92" s="258"/>
      <c r="AD92" s="258"/>
      <c r="AE92" s="258"/>
      <c r="AF92" s="258"/>
    </row>
    <row r="93" spans="1:32" ht="39.75" customHeight="1">
      <c r="A93" s="37" t="s">
        <v>85</v>
      </c>
      <c r="B93" s="38" t="s">
        <v>86</v>
      </c>
      <c r="C93" s="39" t="s">
        <v>87</v>
      </c>
      <c r="D93" s="40" t="s">
        <v>88</v>
      </c>
      <c r="E93" s="38" t="s">
        <v>368</v>
      </c>
      <c r="F93" s="89" t="s">
        <v>162</v>
      </c>
      <c r="G93" s="38" t="s">
        <v>369</v>
      </c>
      <c r="H93" s="89" t="s">
        <v>163</v>
      </c>
      <c r="I93" s="38" t="s">
        <v>370</v>
      </c>
      <c r="J93" s="89" t="s">
        <v>136</v>
      </c>
      <c r="K93" s="38" t="s">
        <v>357</v>
      </c>
      <c r="L93" s="89" t="s">
        <v>371</v>
      </c>
      <c r="M93" s="258"/>
      <c r="N93" s="258"/>
      <c r="O93" s="258"/>
      <c r="P93" s="258"/>
      <c r="Q93" s="258"/>
      <c r="R93" s="258"/>
      <c r="S93" s="258"/>
      <c r="T93" s="258"/>
      <c r="U93" s="258"/>
      <c r="V93" s="258"/>
      <c r="W93" s="258"/>
      <c r="X93" s="258"/>
      <c r="Y93" s="258"/>
      <c r="Z93" s="258"/>
      <c r="AA93" s="258"/>
      <c r="AB93" s="258"/>
      <c r="AC93" s="258"/>
      <c r="AD93" s="258"/>
      <c r="AE93" s="258"/>
      <c r="AF93" s="258"/>
    </row>
    <row r="94" spans="1:32" ht="72">
      <c r="A94" s="41"/>
      <c r="B94" s="42" t="s">
        <v>89</v>
      </c>
      <c r="C94" s="128" t="s">
        <v>360</v>
      </c>
      <c r="D94" s="44" t="s">
        <v>91</v>
      </c>
      <c r="E94" s="42" t="s">
        <v>181</v>
      </c>
      <c r="F94" s="91" t="s">
        <v>104</v>
      </c>
      <c r="G94" s="42" t="s">
        <v>182</v>
      </c>
      <c r="H94" s="91" t="s">
        <v>104</v>
      </c>
      <c r="I94" s="42" t="s">
        <v>183</v>
      </c>
      <c r="J94" s="91" t="s">
        <v>104</v>
      </c>
      <c r="K94" s="42" t="s">
        <v>357</v>
      </c>
      <c r="L94" s="91" t="s">
        <v>104</v>
      </c>
    </row>
    <row r="95" spans="1:32">
      <c r="A95" s="45" t="s">
        <v>436</v>
      </c>
      <c r="B95" s="192">
        <v>11008</v>
      </c>
      <c r="C95" s="84">
        <v>4.67</v>
      </c>
      <c r="D95" s="85">
        <v>1.9599999999999999E-2</v>
      </c>
      <c r="E95" s="190">
        <v>0.189</v>
      </c>
      <c r="F95" s="94">
        <v>7.4634173341499794E-3</v>
      </c>
      <c r="G95" s="190">
        <v>0.216</v>
      </c>
      <c r="H95" s="94">
        <v>7.8443490467367868E-3</v>
      </c>
      <c r="I95" s="190">
        <v>0.56899999999999995</v>
      </c>
      <c r="J95" s="94">
        <v>9.4383205836198036E-3</v>
      </c>
      <c r="K95" s="190">
        <v>2.5999999999999999E-2</v>
      </c>
      <c r="L95" s="94">
        <v>3.0426913391641314E-3</v>
      </c>
    </row>
    <row r="96" spans="1:32">
      <c r="A96" s="49" t="s">
        <v>437</v>
      </c>
      <c r="B96" s="49">
        <v>8860</v>
      </c>
      <c r="C96" s="172">
        <v>4.57</v>
      </c>
      <c r="D96" s="132">
        <v>3.9199999999999999E-2</v>
      </c>
      <c r="E96" s="191">
        <v>0.215</v>
      </c>
      <c r="F96" s="97">
        <v>8.7289791651642898E-3</v>
      </c>
      <c r="G96" s="191">
        <v>0.22</v>
      </c>
      <c r="H96" s="97">
        <v>8.8016331700968512E-3</v>
      </c>
      <c r="I96" s="191">
        <v>0.54900000000000004</v>
      </c>
      <c r="J96" s="97">
        <v>1.0570401050802519E-2</v>
      </c>
      <c r="K96" s="191">
        <v>1.7000000000000001E-2</v>
      </c>
      <c r="L96" s="97">
        <v>2.763341621824688E-3</v>
      </c>
    </row>
    <row r="97" spans="1:12">
      <c r="A97" s="45" t="s">
        <v>438</v>
      </c>
      <c r="B97" s="53">
        <v>1986</v>
      </c>
      <c r="C97" s="84">
        <v>4.92</v>
      </c>
      <c r="D97" s="85">
        <v>5.8799999999999998E-2</v>
      </c>
      <c r="E97" s="190">
        <v>0.13120000000000001</v>
      </c>
      <c r="F97" s="94">
        <v>1.5172892925373804E-2</v>
      </c>
      <c r="G97" s="190">
        <v>0.19359999999999999</v>
      </c>
      <c r="H97" s="94">
        <v>1.7735979477157507E-2</v>
      </c>
      <c r="I97" s="190">
        <v>0.63390000000000002</v>
      </c>
      <c r="J97" s="94">
        <v>2.1601358359796648E-2</v>
      </c>
      <c r="K97" s="190">
        <v>4.1399999999999999E-2</v>
      </c>
      <c r="L97" s="94">
        <v>9.0260008033036035E-3</v>
      </c>
    </row>
    <row r="98" spans="1:12">
      <c r="A98" s="49" t="s">
        <v>439</v>
      </c>
      <c r="B98" s="49">
        <v>3923</v>
      </c>
      <c r="C98" s="172">
        <v>4.63</v>
      </c>
      <c r="D98" s="132">
        <v>3.9199999999999999E-2</v>
      </c>
      <c r="E98" s="191">
        <v>0.19500000000000001</v>
      </c>
      <c r="F98" s="97">
        <v>1.2652508888413648E-2</v>
      </c>
      <c r="G98" s="191">
        <v>0.216</v>
      </c>
      <c r="H98" s="97">
        <v>1.3139987003569147E-2</v>
      </c>
      <c r="I98" s="191">
        <v>0.55200000000000005</v>
      </c>
      <c r="J98" s="97">
        <v>1.5871315515762582E-2</v>
      </c>
      <c r="K98" s="191">
        <v>3.6999999999999998E-2</v>
      </c>
      <c r="L98" s="97">
        <v>6.0611841377366422E-3</v>
      </c>
    </row>
    <row r="99" spans="1:12">
      <c r="A99" s="45" t="s">
        <v>440</v>
      </c>
      <c r="B99" s="53">
        <v>3285</v>
      </c>
      <c r="C99" s="84">
        <v>4.53</v>
      </c>
      <c r="D99" s="85">
        <v>5.8799999999999998E-2</v>
      </c>
      <c r="E99" s="190">
        <v>0.23100000000000001</v>
      </c>
      <c r="F99" s="94">
        <v>1.4705579189950009E-2</v>
      </c>
      <c r="G99" s="190">
        <v>0.21</v>
      </c>
      <c r="H99" s="94">
        <v>1.4213095519256782E-2</v>
      </c>
      <c r="I99" s="190">
        <v>0.53500000000000003</v>
      </c>
      <c r="J99" s="94">
        <v>1.7394182628642438E-2</v>
      </c>
      <c r="K99" s="190">
        <v>2.4E-2</v>
      </c>
      <c r="L99" s="94">
        <v>5.3997710690620029E-3</v>
      </c>
    </row>
    <row r="100" spans="1:12">
      <c r="A100" s="49" t="s">
        <v>452</v>
      </c>
      <c r="B100" s="49">
        <v>578</v>
      </c>
      <c r="C100" s="172">
        <v>4.42</v>
      </c>
      <c r="D100" s="132">
        <v>0.1176</v>
      </c>
      <c r="E100" s="191">
        <v>0.24299999999999999</v>
      </c>
      <c r="F100" s="97">
        <v>3.5643882963230698E-2</v>
      </c>
      <c r="G100" s="191">
        <v>0.27700000000000002</v>
      </c>
      <c r="H100" s="97">
        <v>3.716335363165621E-2</v>
      </c>
      <c r="I100" s="191">
        <v>0.45600000000000002</v>
      </c>
      <c r="J100" s="97">
        <v>4.1292729216528865E-2</v>
      </c>
      <c r="K100" s="191">
        <v>2.4E-2</v>
      </c>
      <c r="L100" s="97">
        <v>1.3502639214921831E-2</v>
      </c>
    </row>
    <row r="101" spans="1:12">
      <c r="A101" s="45" t="s">
        <v>441</v>
      </c>
      <c r="B101" s="53">
        <v>149</v>
      </c>
      <c r="C101" s="84">
        <v>4.32</v>
      </c>
      <c r="D101" s="85">
        <v>0.23519999999999999</v>
      </c>
      <c r="E101" s="190">
        <v>0.23499999999999999</v>
      </c>
      <c r="F101" s="94">
        <v>6.9244078445643731E-2</v>
      </c>
      <c r="G101" s="190">
        <v>0.30499999999999999</v>
      </c>
      <c r="H101" s="94">
        <v>7.478723551398414E-2</v>
      </c>
      <c r="I101" s="190">
        <v>0.39800000000000002</v>
      </c>
      <c r="J101" s="94">
        <v>7.9233730337772978E-2</v>
      </c>
      <c r="K101" s="190">
        <v>6.2E-2</v>
      </c>
      <c r="L101" s="94">
        <v>4.2181039593850493E-2</v>
      </c>
    </row>
    <row r="102" spans="1:12">
      <c r="A102" s="49" t="s">
        <v>442</v>
      </c>
      <c r="B102" s="49">
        <v>109</v>
      </c>
      <c r="C102" s="172">
        <v>4.43</v>
      </c>
      <c r="D102" s="132">
        <v>0.31359999999999999</v>
      </c>
      <c r="E102" s="191">
        <v>0.28100000000000003</v>
      </c>
      <c r="F102" s="97">
        <v>8.5263645725856554E-2</v>
      </c>
      <c r="G102" s="191">
        <v>0.19800000000000001</v>
      </c>
      <c r="H102" s="97">
        <v>7.6456625120901567E-2</v>
      </c>
      <c r="I102" s="191">
        <v>0.52100000000000002</v>
      </c>
      <c r="J102" s="97">
        <v>9.3994853681500373E-2</v>
      </c>
      <c r="K102" s="191">
        <v>0</v>
      </c>
      <c r="L102" s="97">
        <v>2.4807832313658393E-2</v>
      </c>
    </row>
    <row r="103" spans="1:12">
      <c r="A103" s="45" t="s">
        <v>443</v>
      </c>
      <c r="B103" s="53">
        <v>121</v>
      </c>
      <c r="C103" s="84">
        <v>4.47</v>
      </c>
      <c r="D103" s="85">
        <v>0.25480000000000003</v>
      </c>
      <c r="E103" s="190">
        <v>0.24199999999999999</v>
      </c>
      <c r="F103" s="94">
        <v>7.7486088447204504E-2</v>
      </c>
      <c r="G103" s="190">
        <v>0.27800000000000002</v>
      </c>
      <c r="H103" s="94">
        <v>8.0760328713347859E-2</v>
      </c>
      <c r="I103" s="190">
        <v>0.48</v>
      </c>
      <c r="J103" s="94">
        <v>8.9375645971371875E-2</v>
      </c>
      <c r="K103" s="190">
        <v>0</v>
      </c>
      <c r="L103" s="94">
        <v>2.2445667733440235E-2</v>
      </c>
    </row>
    <row r="104" spans="1:12">
      <c r="A104" s="49" t="s">
        <v>444</v>
      </c>
      <c r="B104" s="49">
        <v>82</v>
      </c>
      <c r="C104" s="172">
        <v>4.28</v>
      </c>
      <c r="D104" s="132">
        <v>0.31359999999999999</v>
      </c>
      <c r="E104" s="191">
        <v>0.26100000000000001</v>
      </c>
      <c r="F104" s="97">
        <v>9.5981832034491288E-2</v>
      </c>
      <c r="G104" s="191">
        <v>0.30099999999999999</v>
      </c>
      <c r="H104" s="97">
        <v>9.9766505042744855E-2</v>
      </c>
      <c r="I104" s="191">
        <v>0.37</v>
      </c>
      <c r="J104" s="97">
        <v>0.10446664822634073</v>
      </c>
      <c r="K104" s="191">
        <v>6.7000000000000004E-2</v>
      </c>
      <c r="L104" s="97">
        <v>6.0826186352846007E-2</v>
      </c>
    </row>
    <row r="105" spans="1:12">
      <c r="A105" s="45" t="s">
        <v>445</v>
      </c>
      <c r="B105" s="192">
        <v>121</v>
      </c>
      <c r="C105" s="84">
        <v>4.41</v>
      </c>
      <c r="D105" s="85">
        <v>0.25480000000000003</v>
      </c>
      <c r="E105" s="190">
        <v>0.217</v>
      </c>
      <c r="F105" s="94">
        <v>7.4823458324565564E-2</v>
      </c>
      <c r="G105" s="190">
        <v>0.33200000000000002</v>
      </c>
      <c r="H105" s="94">
        <v>8.4579606927249321E-2</v>
      </c>
      <c r="I105" s="190">
        <v>0.443</v>
      </c>
      <c r="J105" s="94">
        <v>8.8896453746862142E-2</v>
      </c>
      <c r="K105" s="190">
        <v>8.0000000000000002E-3</v>
      </c>
      <c r="L105" s="94">
        <v>2.7235401940268848E-2</v>
      </c>
    </row>
    <row r="106" spans="1:12">
      <c r="A106" s="49" t="s">
        <v>453</v>
      </c>
      <c r="B106" s="193">
        <v>957</v>
      </c>
      <c r="C106" s="172">
        <v>4.62</v>
      </c>
      <c r="D106" s="132">
        <v>9.8000000000000004E-2</v>
      </c>
      <c r="E106" s="191">
        <v>0.20200000000000001</v>
      </c>
      <c r="F106" s="97">
        <v>2.5961928801410732E-2</v>
      </c>
      <c r="G106" s="191">
        <v>0.219</v>
      </c>
      <c r="H106" s="97">
        <v>2.6732961303806712E-2</v>
      </c>
      <c r="I106" s="191">
        <v>0.55000000000000004</v>
      </c>
      <c r="J106" s="97">
        <v>3.2097715553842138E-2</v>
      </c>
      <c r="K106" s="191">
        <v>2.9000000000000001E-2</v>
      </c>
      <c r="L106" s="97">
        <v>1.1174876665724726E-2</v>
      </c>
    </row>
    <row r="107" spans="1:12">
      <c r="A107" s="45" t="s">
        <v>446</v>
      </c>
      <c r="B107" s="54">
        <v>101</v>
      </c>
      <c r="C107" s="84">
        <v>4.2</v>
      </c>
      <c r="D107" s="85">
        <v>0.31359999999999999</v>
      </c>
      <c r="E107" s="190">
        <v>0.28299999999999997</v>
      </c>
      <c r="F107" s="94">
        <v>8.8679282071874435E-2</v>
      </c>
      <c r="G107" s="190">
        <v>0.27900000000000003</v>
      </c>
      <c r="H107" s="94">
        <v>8.8330405418100458E-2</v>
      </c>
      <c r="I107" s="190">
        <v>0.40899999999999997</v>
      </c>
      <c r="J107" s="94">
        <v>9.6082883973122868E-2</v>
      </c>
      <c r="K107" s="190">
        <v>2.9000000000000001E-2</v>
      </c>
      <c r="L107" s="94">
        <v>4.1283791495370627E-2</v>
      </c>
    </row>
    <row r="108" spans="1:12">
      <c r="A108" s="49" t="s">
        <v>447</v>
      </c>
      <c r="B108" s="193">
        <v>196</v>
      </c>
      <c r="C108" s="172">
        <v>4.7699999999999996</v>
      </c>
      <c r="D108" s="132">
        <v>0.19600000000000001</v>
      </c>
      <c r="E108" s="191">
        <v>0.19900000000000001</v>
      </c>
      <c r="F108" s="97">
        <v>5.7094097698448663E-2</v>
      </c>
      <c r="G108" s="191">
        <v>0.17699999999999999</v>
      </c>
      <c r="H108" s="97">
        <v>5.473617239084224E-2</v>
      </c>
      <c r="I108" s="191">
        <v>0.60699999999999998</v>
      </c>
      <c r="J108" s="97">
        <v>6.9138177644482365E-2</v>
      </c>
      <c r="K108" s="191">
        <v>1.7000000000000001E-2</v>
      </c>
      <c r="L108" s="97">
        <v>2.2781239825786479E-2</v>
      </c>
    </row>
    <row r="109" spans="1:12">
      <c r="A109" s="57" t="s">
        <v>448</v>
      </c>
      <c r="B109" s="192">
        <v>241</v>
      </c>
      <c r="C109" s="84">
        <v>4.96</v>
      </c>
      <c r="D109" s="85">
        <v>0.15679999999999999</v>
      </c>
      <c r="E109" s="190">
        <v>0.11</v>
      </c>
      <c r="F109" s="94">
        <v>4.0973059841047509E-2</v>
      </c>
      <c r="G109" s="190">
        <v>0.191</v>
      </c>
      <c r="H109" s="94">
        <v>5.0727168736829843E-2</v>
      </c>
      <c r="I109" s="190">
        <v>0.64600000000000002</v>
      </c>
      <c r="J109" s="94">
        <v>6.1195484794603697E-2</v>
      </c>
      <c r="K109" s="190">
        <v>5.1999999999999998E-2</v>
      </c>
      <c r="L109" s="94">
        <v>3.0182060146476876E-2</v>
      </c>
    </row>
    <row r="110" spans="1:12">
      <c r="A110" s="49" t="s">
        <v>449</v>
      </c>
      <c r="B110" s="193">
        <v>124</v>
      </c>
      <c r="C110" s="172">
        <v>4.57</v>
      </c>
      <c r="D110" s="132">
        <v>0.25480000000000003</v>
      </c>
      <c r="E110" s="191">
        <v>0.254</v>
      </c>
      <c r="F110" s="97">
        <v>7.7702789594339447E-2</v>
      </c>
      <c r="G110" s="191">
        <v>0.182</v>
      </c>
      <c r="H110" s="97">
        <v>6.9618939613654604E-2</v>
      </c>
      <c r="I110" s="191">
        <v>0.52600000000000002</v>
      </c>
      <c r="J110" s="97">
        <v>8.8276127478595173E-2</v>
      </c>
      <c r="K110" s="191">
        <v>3.6999999999999998E-2</v>
      </c>
      <c r="L110" s="97">
        <v>3.9059136964606909E-2</v>
      </c>
    </row>
    <row r="111" spans="1:12">
      <c r="A111" s="57" t="s">
        <v>450</v>
      </c>
      <c r="B111" s="192">
        <v>127</v>
      </c>
      <c r="C111" s="84">
        <v>4.09</v>
      </c>
      <c r="D111" s="85">
        <v>0.25480000000000003</v>
      </c>
      <c r="E111" s="190">
        <v>0.32300000000000001</v>
      </c>
      <c r="F111" s="94">
        <v>8.2064024881604025E-2</v>
      </c>
      <c r="G111" s="190">
        <v>0.23799999999999999</v>
      </c>
      <c r="H111" s="94">
        <v>7.5257116525855941E-2</v>
      </c>
      <c r="I111" s="190">
        <v>0.42</v>
      </c>
      <c r="J111" s="94">
        <v>8.6312917783951421E-2</v>
      </c>
      <c r="K111" s="190">
        <v>0.02</v>
      </c>
      <c r="L111" s="94">
        <v>3.1961530479089319E-2</v>
      </c>
    </row>
    <row r="112" spans="1:12">
      <c r="A112" s="49" t="s">
        <v>451</v>
      </c>
      <c r="B112" s="193">
        <v>168</v>
      </c>
      <c r="C112" s="172">
        <v>4.45</v>
      </c>
      <c r="D112" s="132">
        <v>0.21559999999999999</v>
      </c>
      <c r="E112" s="191">
        <v>0.191</v>
      </c>
      <c r="F112" s="97">
        <v>6.0790975745471328E-2</v>
      </c>
      <c r="G112" s="191">
        <v>0.32900000000000001</v>
      </c>
      <c r="H112" s="97">
        <v>7.1869266326176906E-2</v>
      </c>
      <c r="I112" s="191">
        <v>0.47399999999999998</v>
      </c>
      <c r="J112" s="97">
        <v>7.615087170742596E-2</v>
      </c>
      <c r="K112" s="191">
        <v>6.0000000000000001E-3</v>
      </c>
      <c r="L112" s="97">
        <v>1.9989839823083628E-2</v>
      </c>
    </row>
    <row r="113" spans="1:45">
      <c r="A113" s="57" t="s">
        <v>457</v>
      </c>
      <c r="B113" s="192">
        <v>130</v>
      </c>
      <c r="C113" s="84">
        <v>4.9000000000000004</v>
      </c>
      <c r="D113" s="85">
        <v>0.23519999999999999</v>
      </c>
      <c r="E113" s="190">
        <v>9.0999999999999998E-2</v>
      </c>
      <c r="F113" s="94">
        <v>5.2563214759326626E-2</v>
      </c>
      <c r="G113" s="190">
        <v>0.192</v>
      </c>
      <c r="H113" s="94">
        <v>6.9263716719692212E-2</v>
      </c>
      <c r="I113" s="190">
        <v>0.68300000000000005</v>
      </c>
      <c r="J113" s="94">
        <v>8.0757699570825264E-2</v>
      </c>
      <c r="K113" s="190">
        <v>3.4000000000000002E-2</v>
      </c>
      <c r="L113" s="94">
        <v>3.6900445637609941E-2</v>
      </c>
    </row>
    <row r="114" spans="1:45">
      <c r="A114" s="49" t="s">
        <v>460</v>
      </c>
      <c r="B114" s="193">
        <v>195</v>
      </c>
      <c r="C114" s="172">
        <v>5.07</v>
      </c>
      <c r="D114" s="132">
        <v>0.19600000000000001</v>
      </c>
      <c r="E114" s="191">
        <v>9.5000000000000001E-2</v>
      </c>
      <c r="F114" s="97">
        <v>4.3120189349740642E-2</v>
      </c>
      <c r="G114" s="191">
        <v>0.19</v>
      </c>
      <c r="H114" s="97">
        <v>5.6305785609268071E-2</v>
      </c>
      <c r="I114" s="191">
        <v>0.63900000000000001</v>
      </c>
      <c r="J114" s="97">
        <v>6.820718029821056E-2</v>
      </c>
      <c r="K114" s="191">
        <v>7.5999999999999998E-2</v>
      </c>
      <c r="L114" s="97">
        <v>3.9437894932440619E-2</v>
      </c>
    </row>
    <row r="115" spans="1:45">
      <c r="A115" s="57" t="s">
        <v>458</v>
      </c>
      <c r="B115" s="192">
        <v>182</v>
      </c>
      <c r="C115" s="84">
        <v>4.84</v>
      </c>
      <c r="D115" s="85">
        <v>0.21559999999999999</v>
      </c>
      <c r="E115" s="190">
        <v>0.13400000000000001</v>
      </c>
      <c r="F115" s="94">
        <v>5.1167781414896502E-2</v>
      </c>
      <c r="G115" s="190">
        <v>0.21</v>
      </c>
      <c r="H115" s="94">
        <v>6.0371308009499643E-2</v>
      </c>
      <c r="I115" s="190">
        <v>0.56399999999999995</v>
      </c>
      <c r="J115" s="94">
        <v>7.2746174967983177E-2</v>
      </c>
      <c r="K115" s="190">
        <v>9.1999999999999998E-2</v>
      </c>
      <c r="L115" s="94">
        <v>4.4145106637834636E-2</v>
      </c>
    </row>
    <row r="118" spans="1:45">
      <c r="P118" s="258"/>
      <c r="Q118" s="258"/>
      <c r="R118" s="258"/>
      <c r="S118" s="258"/>
      <c r="T118" s="258"/>
      <c r="U118" s="258"/>
      <c r="V118" s="258"/>
      <c r="W118" s="258"/>
      <c r="X118" s="258"/>
      <c r="Y118" s="258"/>
      <c r="Z118" s="258"/>
      <c r="AA118" s="258"/>
      <c r="AB118" s="258"/>
      <c r="AC118" s="258"/>
      <c r="AD118" s="258"/>
      <c r="AE118" s="258"/>
      <c r="AF118" s="258"/>
      <c r="AG118" s="258"/>
      <c r="AH118" s="258"/>
      <c r="AI118" s="258"/>
      <c r="AJ118" s="258"/>
      <c r="AK118" s="258"/>
      <c r="AL118" s="258"/>
      <c r="AM118" s="258"/>
      <c r="AN118" s="258"/>
      <c r="AO118" s="258"/>
      <c r="AP118" s="258"/>
      <c r="AQ118" s="258"/>
      <c r="AR118" s="258"/>
      <c r="AS118" s="258"/>
    </row>
    <row r="119" spans="1:45" ht="18.75">
      <c r="A119" s="386" t="s">
        <v>15</v>
      </c>
      <c r="B119" s="386"/>
      <c r="C119" s="386"/>
      <c r="D119" s="386"/>
    </row>
    <row r="120" spans="1:45" ht="68.25" customHeight="1">
      <c r="A120" s="387" t="s">
        <v>499</v>
      </c>
      <c r="B120" s="387"/>
      <c r="C120" s="387"/>
      <c r="D120" s="387"/>
    </row>
    <row r="121" spans="1:45" ht="36" customHeight="1">
      <c r="A121" s="371" t="s">
        <v>279</v>
      </c>
      <c r="B121" s="371"/>
      <c r="C121" s="371"/>
      <c r="D121" s="371"/>
    </row>
    <row r="122" spans="1:45" ht="40.5" customHeight="1">
      <c r="A122" s="37" t="s">
        <v>85</v>
      </c>
      <c r="B122" s="38" t="s">
        <v>86</v>
      </c>
      <c r="C122" s="39" t="s">
        <v>87</v>
      </c>
      <c r="D122" s="40" t="s">
        <v>88</v>
      </c>
    </row>
    <row r="123" spans="1:45" ht="72">
      <c r="A123" s="41"/>
      <c r="B123" s="42" t="s">
        <v>89</v>
      </c>
      <c r="C123" s="128" t="s">
        <v>280</v>
      </c>
      <c r="D123" s="44" t="s">
        <v>91</v>
      </c>
    </row>
    <row r="124" spans="1:45">
      <c r="A124" s="45" t="s">
        <v>436</v>
      </c>
      <c r="B124" s="198">
        <v>10969</v>
      </c>
      <c r="C124" s="199">
        <v>4.75</v>
      </c>
      <c r="D124" s="200">
        <v>3.9199999999999999E-2</v>
      </c>
    </row>
    <row r="125" spans="1:45">
      <c r="A125" s="49" t="s">
        <v>437</v>
      </c>
      <c r="B125" s="49">
        <v>8844</v>
      </c>
      <c r="C125" s="202">
        <v>4.47</v>
      </c>
      <c r="D125" s="203">
        <v>3.9199999999999999E-2</v>
      </c>
    </row>
    <row r="126" spans="1:45">
      <c r="A126" s="45" t="s">
        <v>438</v>
      </c>
      <c r="B126" s="53">
        <v>1961</v>
      </c>
      <c r="C126" s="199">
        <v>5.23</v>
      </c>
      <c r="D126" s="200">
        <v>5.8799999999999998E-2</v>
      </c>
    </row>
    <row r="127" spans="1:45">
      <c r="A127" s="49" t="s">
        <v>439</v>
      </c>
      <c r="B127" s="49">
        <v>3911</v>
      </c>
      <c r="C127" s="202">
        <v>4.7699999999999996</v>
      </c>
      <c r="D127" s="203">
        <v>5.8799999999999998E-2</v>
      </c>
    </row>
    <row r="128" spans="1:45">
      <c r="A128" s="45" t="s">
        <v>440</v>
      </c>
      <c r="B128" s="53">
        <v>3280</v>
      </c>
      <c r="C128" s="199">
        <v>4.62</v>
      </c>
      <c r="D128" s="200">
        <v>5.8799999999999998E-2</v>
      </c>
    </row>
    <row r="129" spans="1:4">
      <c r="A129" s="49" t="s">
        <v>452</v>
      </c>
      <c r="B129" s="49">
        <v>578</v>
      </c>
      <c r="C129" s="202">
        <v>4.71</v>
      </c>
      <c r="D129" s="203">
        <v>0.13720000000000002</v>
      </c>
    </row>
    <row r="130" spans="1:4">
      <c r="A130" s="45" t="s">
        <v>441</v>
      </c>
      <c r="B130" s="53">
        <v>149</v>
      </c>
      <c r="C130" s="199">
        <v>4.6100000000000003</v>
      </c>
      <c r="D130" s="200">
        <v>0.27440000000000003</v>
      </c>
    </row>
    <row r="131" spans="1:4">
      <c r="A131" s="49" t="s">
        <v>442</v>
      </c>
      <c r="B131" s="49">
        <v>109</v>
      </c>
      <c r="C131" s="202">
        <v>4.83</v>
      </c>
      <c r="D131" s="203">
        <v>0.31359999999999999</v>
      </c>
    </row>
    <row r="132" spans="1:4">
      <c r="A132" s="45" t="s">
        <v>443</v>
      </c>
      <c r="B132" s="53">
        <v>121</v>
      </c>
      <c r="C132" s="199">
        <v>4.71</v>
      </c>
      <c r="D132" s="200">
        <v>0.29399999999999998</v>
      </c>
    </row>
    <row r="133" spans="1:4">
      <c r="A133" s="49" t="s">
        <v>444</v>
      </c>
      <c r="B133" s="49">
        <v>81</v>
      </c>
      <c r="C133" s="202">
        <v>4.66</v>
      </c>
      <c r="D133" s="203">
        <v>0.39200000000000002</v>
      </c>
    </row>
    <row r="134" spans="1:4">
      <c r="A134" s="45" t="s">
        <v>445</v>
      </c>
      <c r="B134" s="198">
        <v>122</v>
      </c>
      <c r="C134" s="199">
        <v>4.7300000000000004</v>
      </c>
      <c r="D134" s="200">
        <v>0.29399999999999998</v>
      </c>
    </row>
    <row r="135" spans="1:4">
      <c r="A135" s="49" t="s">
        <v>453</v>
      </c>
      <c r="B135" s="201">
        <v>958</v>
      </c>
      <c r="C135" s="202">
        <v>4.53</v>
      </c>
      <c r="D135" s="203">
        <v>9.8000000000000004E-2</v>
      </c>
    </row>
    <row r="136" spans="1:4">
      <c r="A136" s="45" t="s">
        <v>446</v>
      </c>
      <c r="B136" s="83">
        <v>102</v>
      </c>
      <c r="C136" s="199">
        <v>3.95</v>
      </c>
      <c r="D136" s="200">
        <v>0.31359999999999999</v>
      </c>
    </row>
    <row r="137" spans="1:4">
      <c r="A137" s="49" t="s">
        <v>447</v>
      </c>
      <c r="B137" s="201">
        <v>197</v>
      </c>
      <c r="C137" s="202">
        <v>4.84</v>
      </c>
      <c r="D137" s="203">
        <v>0.23519999999999999</v>
      </c>
    </row>
    <row r="138" spans="1:4">
      <c r="A138" s="57" t="s">
        <v>448</v>
      </c>
      <c r="B138" s="198">
        <v>241</v>
      </c>
      <c r="C138" s="199">
        <v>4.72</v>
      </c>
      <c r="D138" s="200">
        <v>0.19600000000000001</v>
      </c>
    </row>
    <row r="139" spans="1:4">
      <c r="A139" s="49" t="s">
        <v>449</v>
      </c>
      <c r="B139" s="201">
        <v>123</v>
      </c>
      <c r="C139" s="202">
        <v>3.97</v>
      </c>
      <c r="D139" s="203">
        <v>0.27440000000000003</v>
      </c>
    </row>
    <row r="140" spans="1:4">
      <c r="A140" s="57" t="s">
        <v>450</v>
      </c>
      <c r="B140" s="198">
        <v>127</v>
      </c>
      <c r="C140" s="199">
        <v>4.51</v>
      </c>
      <c r="D140" s="200">
        <v>0.31359999999999999</v>
      </c>
    </row>
    <row r="141" spans="1:4">
      <c r="A141" s="49" t="s">
        <v>451</v>
      </c>
      <c r="B141" s="201">
        <v>168</v>
      </c>
      <c r="C141" s="202">
        <v>4.32</v>
      </c>
      <c r="D141" s="203">
        <v>0.25480000000000003</v>
      </c>
    </row>
    <row r="142" spans="1:4">
      <c r="A142" s="57" t="s">
        <v>457</v>
      </c>
      <c r="B142" s="198">
        <v>128</v>
      </c>
      <c r="C142" s="199">
        <v>4.82</v>
      </c>
      <c r="D142" s="200">
        <v>0.29399999999999998</v>
      </c>
    </row>
    <row r="143" spans="1:4">
      <c r="A143" s="49" t="s">
        <v>460</v>
      </c>
      <c r="B143" s="201">
        <v>191</v>
      </c>
      <c r="C143" s="202">
        <v>5.24</v>
      </c>
      <c r="D143" s="203">
        <v>0.21559999999999999</v>
      </c>
    </row>
    <row r="144" spans="1:4">
      <c r="A144" s="57" t="s">
        <v>458</v>
      </c>
      <c r="B144" s="198">
        <v>182</v>
      </c>
      <c r="C144" s="199">
        <v>5.37</v>
      </c>
      <c r="D144" s="200">
        <v>0.23519999999999999</v>
      </c>
    </row>
    <row r="147" spans="1:49" s="250" customFormat="1">
      <c r="A147" s="243"/>
      <c r="B147" s="262"/>
      <c r="C147" s="263"/>
      <c r="D147" s="264"/>
    </row>
    <row r="148" spans="1:49" ht="18.75">
      <c r="A148" s="322" t="s">
        <v>15</v>
      </c>
      <c r="B148" s="322"/>
      <c r="C148" s="322"/>
      <c r="D148" s="322"/>
      <c r="E148" s="322"/>
      <c r="F148" s="322"/>
      <c r="G148" s="322"/>
      <c r="H148" s="322"/>
      <c r="I148" s="322"/>
      <c r="J148" s="322"/>
      <c r="K148" s="322"/>
      <c r="L148" s="322"/>
      <c r="M148" s="322"/>
      <c r="N148" s="322"/>
      <c r="O148" s="322"/>
      <c r="P148" s="322"/>
      <c r="Q148" s="322"/>
      <c r="R148" s="322"/>
      <c r="S148" s="322"/>
      <c r="T148" s="228"/>
      <c r="U148" s="228"/>
      <c r="V148" s="228"/>
      <c r="W148" s="228"/>
      <c r="X148" s="228"/>
      <c r="Y148" s="228"/>
      <c r="Z148" s="228"/>
      <c r="AA148" s="228"/>
      <c r="AB148" s="228"/>
      <c r="AC148" s="228"/>
      <c r="AD148" s="228"/>
      <c r="AE148" s="228"/>
      <c r="AF148" s="228"/>
      <c r="AG148" s="228"/>
      <c r="AH148" s="228"/>
      <c r="AI148" s="228"/>
      <c r="AJ148" s="228"/>
      <c r="AK148" s="258"/>
      <c r="AL148" s="258"/>
      <c r="AM148" s="258"/>
      <c r="AN148" s="258"/>
      <c r="AO148" s="258"/>
      <c r="AP148" s="258"/>
      <c r="AQ148" s="258"/>
      <c r="AR148" s="258"/>
      <c r="AS148" s="258"/>
    </row>
    <row r="149" spans="1:49" ht="52.5" customHeight="1">
      <c r="A149" s="388" t="s">
        <v>500</v>
      </c>
      <c r="B149" s="388"/>
      <c r="C149" s="388"/>
      <c r="D149" s="388"/>
      <c r="E149" s="388"/>
      <c r="F149" s="388"/>
      <c r="G149" s="388"/>
      <c r="H149" s="388"/>
      <c r="I149" s="388"/>
      <c r="J149" s="388"/>
      <c r="K149" s="388"/>
      <c r="L149" s="388"/>
      <c r="M149" s="388"/>
      <c r="N149" s="388"/>
      <c r="O149" s="388"/>
      <c r="P149" s="388"/>
      <c r="Q149" s="388"/>
      <c r="R149" s="388"/>
      <c r="S149" s="388"/>
      <c r="T149" s="259"/>
      <c r="U149" s="259"/>
      <c r="V149" s="259"/>
      <c r="W149" s="259"/>
      <c r="X149" s="259"/>
      <c r="Y149" s="259"/>
      <c r="Z149" s="259"/>
      <c r="AA149" s="259"/>
      <c r="AB149" s="259"/>
      <c r="AC149" s="259"/>
      <c r="AD149" s="259"/>
      <c r="AE149" s="259"/>
      <c r="AF149" s="259"/>
      <c r="AG149" s="259"/>
      <c r="AH149" s="259"/>
      <c r="AI149" s="259"/>
      <c r="AJ149" s="259"/>
      <c r="AK149" s="258"/>
      <c r="AL149" s="258"/>
      <c r="AM149" s="258"/>
      <c r="AN149" s="258"/>
      <c r="AO149" s="258"/>
      <c r="AP149" s="258"/>
      <c r="AQ149" s="258"/>
      <c r="AR149" s="258"/>
      <c r="AS149" s="258"/>
    </row>
    <row r="150" spans="1:49" ht="33" customHeight="1">
      <c r="A150" s="64"/>
      <c r="B150" s="364" t="s">
        <v>277</v>
      </c>
      <c r="C150" s="365"/>
      <c r="D150" s="365"/>
      <c r="E150" s="365"/>
      <c r="F150" s="365"/>
      <c r="G150" s="365"/>
      <c r="H150" s="365"/>
      <c r="I150" s="365"/>
      <c r="J150" s="366"/>
      <c r="K150" s="364" t="s">
        <v>278</v>
      </c>
      <c r="L150" s="365"/>
      <c r="M150" s="365"/>
      <c r="N150" s="365"/>
      <c r="O150" s="365"/>
      <c r="P150" s="365"/>
      <c r="Q150" s="365"/>
      <c r="R150" s="365"/>
      <c r="S150" s="366"/>
      <c r="T150" s="258"/>
      <c r="U150" s="258"/>
      <c r="V150" s="258"/>
      <c r="W150" s="258"/>
      <c r="X150" s="258"/>
      <c r="Y150" s="258"/>
      <c r="Z150" s="258"/>
      <c r="AA150" s="258"/>
      <c r="AB150" s="258"/>
      <c r="AC150" s="258"/>
      <c r="AD150" s="258"/>
      <c r="AE150" s="258"/>
      <c r="AF150" s="258"/>
      <c r="AG150" s="258"/>
      <c r="AH150" s="258"/>
      <c r="AI150" s="258"/>
      <c r="AJ150" s="258"/>
      <c r="AK150" s="258"/>
      <c r="AL150" s="258"/>
      <c r="AM150" s="258"/>
      <c r="AN150" s="258"/>
      <c r="AO150" s="258"/>
      <c r="AP150" s="258"/>
      <c r="AQ150" s="258"/>
      <c r="AR150" s="258"/>
      <c r="AS150" s="258"/>
      <c r="AT150" s="258"/>
      <c r="AU150" s="258"/>
      <c r="AV150" s="258"/>
      <c r="AW150" s="258"/>
    </row>
    <row r="151" spans="1:49" ht="41.25" customHeight="1">
      <c r="A151" s="37" t="s">
        <v>85</v>
      </c>
      <c r="B151" s="38" t="s">
        <v>86</v>
      </c>
      <c r="C151" s="38" t="s">
        <v>368</v>
      </c>
      <c r="D151" s="89" t="s">
        <v>162</v>
      </c>
      <c r="E151" s="38" t="s">
        <v>369</v>
      </c>
      <c r="F151" s="89" t="s">
        <v>163</v>
      </c>
      <c r="G151" s="38" t="s">
        <v>370</v>
      </c>
      <c r="H151" s="89" t="s">
        <v>136</v>
      </c>
      <c r="I151" s="38" t="s">
        <v>357</v>
      </c>
      <c r="J151" s="89" t="s">
        <v>371</v>
      </c>
      <c r="K151" s="65" t="s">
        <v>86</v>
      </c>
      <c r="L151" s="65" t="s">
        <v>368</v>
      </c>
      <c r="M151" s="88" t="s">
        <v>162</v>
      </c>
      <c r="N151" s="65" t="s">
        <v>369</v>
      </c>
      <c r="O151" s="88" t="s">
        <v>163</v>
      </c>
      <c r="P151" s="65" t="s">
        <v>370</v>
      </c>
      <c r="Q151" s="261" t="s">
        <v>136</v>
      </c>
      <c r="R151" s="278" t="s">
        <v>357</v>
      </c>
      <c r="S151" s="88" t="s">
        <v>371</v>
      </c>
      <c r="T151" s="258"/>
      <c r="U151" s="258"/>
      <c r="V151" s="258"/>
      <c r="W151" s="258"/>
      <c r="X151" s="258"/>
      <c r="Y151" s="258"/>
      <c r="Z151" s="258"/>
      <c r="AA151" s="258"/>
      <c r="AB151" s="258"/>
      <c r="AC151" s="258"/>
      <c r="AD151" s="258"/>
      <c r="AE151" s="258"/>
      <c r="AF151" s="258"/>
      <c r="AG151" s="258"/>
      <c r="AH151" s="258"/>
      <c r="AI151" s="258"/>
      <c r="AJ151" s="258"/>
      <c r="AK151" s="258"/>
      <c r="AL151" s="258"/>
      <c r="AM151" s="258"/>
      <c r="AN151" s="258"/>
      <c r="AO151" s="258"/>
      <c r="AP151" s="258"/>
      <c r="AQ151" s="258"/>
      <c r="AR151" s="258"/>
      <c r="AS151" s="258"/>
      <c r="AT151" s="258"/>
      <c r="AU151" s="258"/>
      <c r="AV151" s="258"/>
      <c r="AW151" s="258"/>
    </row>
    <row r="152" spans="1:49" ht="72">
      <c r="A152" s="41"/>
      <c r="B152" s="42" t="s">
        <v>89</v>
      </c>
      <c r="C152" s="42" t="s">
        <v>181</v>
      </c>
      <c r="D152" s="91" t="s">
        <v>104</v>
      </c>
      <c r="E152" s="42" t="s">
        <v>182</v>
      </c>
      <c r="F152" s="91" t="s">
        <v>104</v>
      </c>
      <c r="G152" s="42" t="s">
        <v>183</v>
      </c>
      <c r="H152" s="91" t="s">
        <v>104</v>
      </c>
      <c r="I152" s="42" t="s">
        <v>357</v>
      </c>
      <c r="J152" s="91" t="s">
        <v>104</v>
      </c>
      <c r="K152" s="68" t="s">
        <v>89</v>
      </c>
      <c r="L152" s="68" t="s">
        <v>181</v>
      </c>
      <c r="M152" s="90" t="s">
        <v>104</v>
      </c>
      <c r="N152" s="68" t="s">
        <v>182</v>
      </c>
      <c r="O152" s="90" t="s">
        <v>104</v>
      </c>
      <c r="P152" s="68" t="s">
        <v>183</v>
      </c>
      <c r="Q152" s="275" t="s">
        <v>104</v>
      </c>
      <c r="R152" s="279" t="s">
        <v>357</v>
      </c>
      <c r="S152" s="90" t="s">
        <v>104</v>
      </c>
    </row>
    <row r="153" spans="1:49">
      <c r="A153" s="45" t="s">
        <v>436</v>
      </c>
      <c r="B153" s="194">
        <v>10994</v>
      </c>
      <c r="C153" s="196">
        <v>0.217</v>
      </c>
      <c r="D153" s="94">
        <v>7.8624575307479055E-3</v>
      </c>
      <c r="E153" s="196">
        <v>0.157</v>
      </c>
      <c r="F153" s="94">
        <v>6.9402815415828926E-3</v>
      </c>
      <c r="G153" s="196">
        <v>0.61599999999999999</v>
      </c>
      <c r="H153" s="94">
        <v>9.2755162322826542E-3</v>
      </c>
      <c r="I153" s="196">
        <v>0.01</v>
      </c>
      <c r="J153" s="94">
        <v>1.9142005459587045E-3</v>
      </c>
      <c r="K153" s="194">
        <v>10936</v>
      </c>
      <c r="L153" s="196">
        <v>0.23499999999999999</v>
      </c>
      <c r="M153" s="94">
        <v>8.1086394769137194E-3</v>
      </c>
      <c r="N153" s="196">
        <v>0.16400000000000001</v>
      </c>
      <c r="O153" s="94">
        <v>7.0823451583750634E-3</v>
      </c>
      <c r="P153" s="196">
        <v>0.58499999999999996</v>
      </c>
      <c r="Q153" s="276">
        <v>9.4216732988684944E-3</v>
      </c>
      <c r="R153" s="196">
        <v>1.6E-2</v>
      </c>
      <c r="S153" s="94">
        <v>2.4122835457088109E-3</v>
      </c>
    </row>
    <row r="154" spans="1:49">
      <c r="A154" s="49" t="s">
        <v>437</v>
      </c>
      <c r="B154" s="195">
        <v>8846</v>
      </c>
      <c r="C154" s="197">
        <v>0.27100000000000002</v>
      </c>
      <c r="D154" s="97">
        <v>9.4505885646016148E-3</v>
      </c>
      <c r="E154" s="197">
        <v>0.17199999999999999</v>
      </c>
      <c r="F154" s="97">
        <v>8.0257559714557187E-3</v>
      </c>
      <c r="G154" s="197">
        <v>0.55200000000000005</v>
      </c>
      <c r="H154" s="97">
        <v>1.0572289624566604E-2</v>
      </c>
      <c r="I154" s="197">
        <v>5.0000000000000001E-3</v>
      </c>
      <c r="J154" s="97">
        <v>1.5325384533886575E-3</v>
      </c>
      <c r="K154" s="195">
        <v>8788</v>
      </c>
      <c r="L154" s="197">
        <v>0.30599999999999999</v>
      </c>
      <c r="M154" s="97">
        <v>9.8301831780381651E-3</v>
      </c>
      <c r="N154" s="197">
        <v>0.16300000000000001</v>
      </c>
      <c r="O154" s="97">
        <v>7.8814670423614352E-3</v>
      </c>
      <c r="P154" s="197">
        <v>0.51700000000000002</v>
      </c>
      <c r="Q154" s="277">
        <v>1.065872412000966E-2</v>
      </c>
      <c r="R154" s="197">
        <v>1.4999999999999999E-2</v>
      </c>
      <c r="S154" s="97">
        <v>2.6113933540104304E-3</v>
      </c>
    </row>
    <row r="155" spans="1:49">
      <c r="A155" s="45" t="s">
        <v>438</v>
      </c>
      <c r="B155" s="194">
        <v>1981</v>
      </c>
      <c r="C155" s="196">
        <v>0.11840000000000001</v>
      </c>
      <c r="D155" s="94">
        <v>1.454379121715217E-2</v>
      </c>
      <c r="E155" s="196">
        <v>0.1258</v>
      </c>
      <c r="F155" s="94">
        <v>1.4924706173141757E-2</v>
      </c>
      <c r="G155" s="196">
        <v>0.74</v>
      </c>
      <c r="H155" s="94">
        <v>1.9702160485177807E-2</v>
      </c>
      <c r="I155" s="196">
        <v>1.5800000000000002E-2</v>
      </c>
      <c r="J155" s="94">
        <v>5.7652294295213189E-3</v>
      </c>
      <c r="K155" s="194">
        <v>1977</v>
      </c>
      <c r="L155" s="196">
        <v>0.13400000000000001</v>
      </c>
      <c r="M155" s="94">
        <v>1.5342919645146553E-2</v>
      </c>
      <c r="N155" s="196">
        <v>0.14299999999999999</v>
      </c>
      <c r="O155" s="94">
        <v>1.5763597186087424E-2</v>
      </c>
      <c r="P155" s="196">
        <v>0.70889999999999997</v>
      </c>
      <c r="Q155" s="276">
        <v>2.0421447639730615E-2</v>
      </c>
      <c r="R155" s="196">
        <v>1.41E-2</v>
      </c>
      <c r="S155" s="94">
        <v>5.4765214894881694E-3</v>
      </c>
    </row>
    <row r="156" spans="1:49">
      <c r="A156" s="49" t="s">
        <v>439</v>
      </c>
      <c r="B156" s="195">
        <v>3925</v>
      </c>
      <c r="C156" s="197">
        <v>0.214</v>
      </c>
      <c r="D156" s="97">
        <v>1.3092480475483885E-2</v>
      </c>
      <c r="E156" s="197">
        <v>0.158</v>
      </c>
      <c r="F156" s="97">
        <v>1.1648278695385641E-2</v>
      </c>
      <c r="G156" s="197">
        <v>0.61399999999999999</v>
      </c>
      <c r="H156" s="97">
        <v>1.5534277183057141E-2</v>
      </c>
      <c r="I156" s="197">
        <v>1.4E-2</v>
      </c>
      <c r="J156" s="97">
        <v>3.8135047794509089E-3</v>
      </c>
      <c r="K156" s="195">
        <v>3889</v>
      </c>
      <c r="L156" s="197">
        <v>0.23899999999999999</v>
      </c>
      <c r="M156" s="97">
        <v>1.3675589436764205E-2</v>
      </c>
      <c r="N156" s="197">
        <v>0.153</v>
      </c>
      <c r="O156" s="97">
        <v>1.1550192449235599E-2</v>
      </c>
      <c r="P156" s="197">
        <v>0.58599999999999997</v>
      </c>
      <c r="Q156" s="277">
        <v>1.5788845270928987E-2</v>
      </c>
      <c r="R156" s="197">
        <v>2.1999999999999999E-2</v>
      </c>
      <c r="S156" s="97">
        <v>4.7528472847506026E-3</v>
      </c>
    </row>
    <row r="157" spans="1:49">
      <c r="A157" s="45" t="s">
        <v>440</v>
      </c>
      <c r="B157" s="194">
        <v>3287</v>
      </c>
      <c r="C157" s="196">
        <v>0.249</v>
      </c>
      <c r="D157" s="94">
        <v>1.5082153404711411E-2</v>
      </c>
      <c r="E157" s="196">
        <v>0.161</v>
      </c>
      <c r="F157" s="94">
        <v>1.2826504600705897E-2</v>
      </c>
      <c r="G157" s="196">
        <v>0.58199999999999996</v>
      </c>
      <c r="H157" s="94">
        <v>1.7196112117409231E-2</v>
      </c>
      <c r="I157" s="196">
        <v>8.0000000000000002E-3</v>
      </c>
      <c r="J157" s="94">
        <v>3.2187669495141965E-3</v>
      </c>
      <c r="K157" s="194">
        <v>3251</v>
      </c>
      <c r="L157" s="196">
        <v>0.28399999999999997</v>
      </c>
      <c r="M157" s="94">
        <v>1.5812208185501289E-2</v>
      </c>
      <c r="N157" s="196">
        <v>0.15</v>
      </c>
      <c r="O157" s="94">
        <v>1.2532030373639209E-2</v>
      </c>
      <c r="P157" s="196">
        <v>0.54600000000000004</v>
      </c>
      <c r="Q157" s="276">
        <v>1.7453530927463268E-2</v>
      </c>
      <c r="R157" s="196">
        <v>2.1000000000000001E-2</v>
      </c>
      <c r="S157" s="94">
        <v>5.0948079113644811E-3</v>
      </c>
    </row>
    <row r="158" spans="1:49">
      <c r="A158" s="49" t="s">
        <v>452</v>
      </c>
      <c r="B158" s="195">
        <v>580</v>
      </c>
      <c r="C158" s="197">
        <v>0.22600000000000001</v>
      </c>
      <c r="D158" s="97">
        <v>3.4714976072965559E-2</v>
      </c>
      <c r="E158" s="197">
        <v>0.2</v>
      </c>
      <c r="F158" s="97">
        <v>3.3231097679095448E-2</v>
      </c>
      <c r="G158" s="197">
        <v>0.56599999999999995</v>
      </c>
      <c r="H158" s="97">
        <v>4.1023169771211822E-2</v>
      </c>
      <c r="I158" s="197">
        <v>7.0000000000000001E-3</v>
      </c>
      <c r="J158" s="97">
        <v>8.3866479703259365E-3</v>
      </c>
      <c r="K158" s="195">
        <v>568</v>
      </c>
      <c r="L158" s="197">
        <v>0.23499999999999999</v>
      </c>
      <c r="M158" s="97">
        <v>3.5552948170703522E-2</v>
      </c>
      <c r="N158" s="197">
        <v>0.193</v>
      </c>
      <c r="O158" s="97">
        <v>3.3141417568017785E-2</v>
      </c>
      <c r="P158" s="197">
        <v>0.56200000000000006</v>
      </c>
      <c r="Q158" s="277">
        <v>4.149391852465658E-2</v>
      </c>
      <c r="R158" s="197">
        <v>8.9999999999999993E-3</v>
      </c>
      <c r="S158" s="97">
        <v>9.2664417697456859E-3</v>
      </c>
    </row>
    <row r="159" spans="1:49">
      <c r="A159" s="45" t="s">
        <v>441</v>
      </c>
      <c r="B159" s="194">
        <v>149</v>
      </c>
      <c r="C159" s="196">
        <v>0.26900000000000002</v>
      </c>
      <c r="D159" s="94">
        <v>7.2200274386340357E-2</v>
      </c>
      <c r="E159" s="196">
        <v>0.193</v>
      </c>
      <c r="F159" s="94">
        <v>6.4800272996969985E-2</v>
      </c>
      <c r="G159" s="196">
        <v>0.51300000000000001</v>
      </c>
      <c r="H159" s="94">
        <v>8.0819288626678268E-2</v>
      </c>
      <c r="I159" s="196">
        <v>2.5000000000000001E-2</v>
      </c>
      <c r="J159" s="94">
        <v>3.0686341271780118E-2</v>
      </c>
      <c r="K159" s="194">
        <v>145</v>
      </c>
      <c r="L159" s="196">
        <v>0.22700000000000001</v>
      </c>
      <c r="M159" s="94">
        <v>6.9401824796977818E-2</v>
      </c>
      <c r="N159" s="196">
        <v>0.252</v>
      </c>
      <c r="O159" s="94">
        <v>7.1747862578802071E-2</v>
      </c>
      <c r="P159" s="196">
        <v>0.52100000000000002</v>
      </c>
      <c r="Q159" s="276">
        <v>8.1854734650272432E-2</v>
      </c>
      <c r="R159" s="196">
        <v>0</v>
      </c>
      <c r="S159" s="94">
        <v>1.8854901079065334E-2</v>
      </c>
    </row>
    <row r="160" spans="1:49">
      <c r="A160" s="49" t="s">
        <v>442</v>
      </c>
      <c r="B160" s="195">
        <v>109</v>
      </c>
      <c r="C160" s="197">
        <v>0.18099999999999999</v>
      </c>
      <c r="D160" s="97">
        <v>7.4147857193543984E-2</v>
      </c>
      <c r="E160" s="197">
        <v>0.185</v>
      </c>
      <c r="F160" s="97">
        <v>7.4708980255035196E-2</v>
      </c>
      <c r="G160" s="197">
        <v>0.63400000000000001</v>
      </c>
      <c r="H160" s="97">
        <v>9.087436075377088E-2</v>
      </c>
      <c r="I160" s="197">
        <v>0</v>
      </c>
      <c r="J160" s="97">
        <v>2.4807832313658393E-2</v>
      </c>
      <c r="K160" s="195">
        <v>107</v>
      </c>
      <c r="L160" s="197">
        <v>0.2</v>
      </c>
      <c r="M160" s="97">
        <v>7.7429331420229633E-2</v>
      </c>
      <c r="N160" s="197">
        <v>0.218</v>
      </c>
      <c r="O160" s="97">
        <v>7.9662393474219814E-2</v>
      </c>
      <c r="P160" s="197">
        <v>0.58199999999999996</v>
      </c>
      <c r="Q160" s="277">
        <v>9.3722204211702492E-2</v>
      </c>
      <c r="R160" s="197">
        <v>0</v>
      </c>
      <c r="S160" s="97">
        <v>2.5250720474759302E-2</v>
      </c>
    </row>
    <row r="161" spans="1:19">
      <c r="A161" s="45" t="s">
        <v>443</v>
      </c>
      <c r="B161" s="194">
        <v>121</v>
      </c>
      <c r="C161" s="196">
        <v>0.22900000000000001</v>
      </c>
      <c r="D161" s="94">
        <v>7.6143868126803224E-2</v>
      </c>
      <c r="E161" s="196">
        <v>0.221</v>
      </c>
      <c r="F161" s="94">
        <v>7.5272542630842487E-2</v>
      </c>
      <c r="G161" s="196">
        <v>0.54500000000000004</v>
      </c>
      <c r="H161" s="94">
        <v>8.9102642187535594E-2</v>
      </c>
      <c r="I161" s="196">
        <v>5.0000000000000001E-3</v>
      </c>
      <c r="J161" s="94">
        <v>2.5553516799063099E-2</v>
      </c>
      <c r="K161" s="194">
        <v>121</v>
      </c>
      <c r="L161" s="196">
        <v>0.28999999999999998</v>
      </c>
      <c r="M161" s="94">
        <v>8.1717022285445515E-2</v>
      </c>
      <c r="N161" s="196">
        <v>0.154</v>
      </c>
      <c r="O161" s="94">
        <v>6.6410417210796074E-2</v>
      </c>
      <c r="P161" s="196">
        <v>0.54600000000000004</v>
      </c>
      <c r="Q161" s="276">
        <v>8.9087329238854165E-2</v>
      </c>
      <c r="R161" s="196">
        <v>0.01</v>
      </c>
      <c r="S161" s="94">
        <v>2.8295886683403295E-2</v>
      </c>
    </row>
    <row r="162" spans="1:19">
      <c r="A162" s="49" t="s">
        <v>444</v>
      </c>
      <c r="B162" s="195">
        <v>82</v>
      </c>
      <c r="C162" s="197">
        <v>0.25800000000000001</v>
      </c>
      <c r="D162" s="97">
        <v>9.5663441197052862E-2</v>
      </c>
      <c r="E162" s="197">
        <v>0.185</v>
      </c>
      <c r="F162" s="97">
        <v>8.6209743146292733E-2</v>
      </c>
      <c r="G162" s="197">
        <v>0.55700000000000005</v>
      </c>
      <c r="H162" s="97">
        <v>0.10719384829060241</v>
      </c>
      <c r="I162" s="197">
        <v>0</v>
      </c>
      <c r="J162" s="97">
        <v>3.2504011252172456E-2</v>
      </c>
      <c r="K162" s="195">
        <v>82</v>
      </c>
      <c r="L162" s="197">
        <v>0.316</v>
      </c>
      <c r="M162" s="97">
        <v>0.1009766617283048</v>
      </c>
      <c r="N162" s="197">
        <v>5.5E-2</v>
      </c>
      <c r="O162" s="97">
        <v>5.7046507549061203E-2</v>
      </c>
      <c r="P162" s="197">
        <v>0.61299999999999999</v>
      </c>
      <c r="Q162" s="277">
        <v>0.10529939383936812</v>
      </c>
      <c r="R162" s="197">
        <v>1.6E-2</v>
      </c>
      <c r="S162" s="97">
        <v>4.150006019773237E-2</v>
      </c>
    </row>
    <row r="163" spans="1:19">
      <c r="A163" s="45" t="s">
        <v>445</v>
      </c>
      <c r="B163" s="194">
        <v>123</v>
      </c>
      <c r="C163" s="196">
        <v>0.217</v>
      </c>
      <c r="D163" s="94">
        <v>7.4215376705645139E-2</v>
      </c>
      <c r="E163" s="196">
        <v>0.185</v>
      </c>
      <c r="F163" s="94">
        <v>7.0303495573743616E-2</v>
      </c>
      <c r="G163" s="196">
        <v>0.59799999999999998</v>
      </c>
      <c r="H163" s="94">
        <v>8.7122223710602478E-2</v>
      </c>
      <c r="I163" s="196">
        <v>0</v>
      </c>
      <c r="J163" s="94">
        <v>2.2095020994736762E-2</v>
      </c>
      <c r="K163" s="194">
        <v>117</v>
      </c>
      <c r="L163" s="196">
        <v>0.153</v>
      </c>
      <c r="M163" s="94">
        <v>6.7400453703355456E-2</v>
      </c>
      <c r="N163" s="196">
        <v>0.24</v>
      </c>
      <c r="O163" s="94">
        <v>7.8581546159192425E-2</v>
      </c>
      <c r="P163" s="196">
        <v>0.58499999999999996</v>
      </c>
      <c r="Q163" s="276">
        <v>8.9672460059114736E-2</v>
      </c>
      <c r="R163" s="196">
        <v>2.1999999999999999E-2</v>
      </c>
      <c r="S163" s="94">
        <v>3.4675681778660823E-2</v>
      </c>
    </row>
    <row r="164" spans="1:19">
      <c r="A164" s="49" t="s">
        <v>453</v>
      </c>
      <c r="B164" s="195">
        <v>953</v>
      </c>
      <c r="C164" s="197">
        <v>0.25800000000000001</v>
      </c>
      <c r="D164" s="97">
        <v>2.8323001873042791E-2</v>
      </c>
      <c r="E164" s="197">
        <v>0.16200000000000001</v>
      </c>
      <c r="F164" s="97">
        <v>2.3904111992330949E-2</v>
      </c>
      <c r="G164" s="197">
        <v>0.57699999999999996</v>
      </c>
      <c r="H164" s="97">
        <v>3.194303050853118E-2</v>
      </c>
      <c r="I164" s="197">
        <v>4.0000000000000001E-3</v>
      </c>
      <c r="J164" s="97">
        <v>5.0229409563661582E-3</v>
      </c>
      <c r="K164" s="195">
        <v>949</v>
      </c>
      <c r="L164" s="197">
        <v>0.30199999999999999</v>
      </c>
      <c r="M164" s="97">
        <v>2.9768213293115308E-2</v>
      </c>
      <c r="N164" s="197">
        <v>0.14699999999999999</v>
      </c>
      <c r="O164" s="97">
        <v>2.3036522890824369E-2</v>
      </c>
      <c r="P164" s="197">
        <v>0.53200000000000003</v>
      </c>
      <c r="Q164" s="277">
        <v>3.2327324991770864E-2</v>
      </c>
      <c r="R164" s="197">
        <v>1.9E-2</v>
      </c>
      <c r="S164" s="97">
        <v>9.2934200468578979E-3</v>
      </c>
    </row>
    <row r="165" spans="1:19">
      <c r="A165" s="45" t="s">
        <v>446</v>
      </c>
      <c r="B165" s="194">
        <v>102</v>
      </c>
      <c r="C165" s="196">
        <v>0.35199999999999998</v>
      </c>
      <c r="D165" s="94">
        <v>9.3105325001076558E-2</v>
      </c>
      <c r="E165" s="196">
        <v>0.23</v>
      </c>
      <c r="F165" s="94">
        <v>8.2986263379695169E-2</v>
      </c>
      <c r="G165" s="196">
        <v>0.40600000000000003</v>
      </c>
      <c r="H165" s="94">
        <v>9.5526008611081681E-2</v>
      </c>
      <c r="I165" s="196">
        <v>1.2E-2</v>
      </c>
      <c r="J165" s="94">
        <v>3.3359118792903354E-2</v>
      </c>
      <c r="K165" s="194">
        <v>100</v>
      </c>
      <c r="L165" s="196">
        <v>0.39500000000000002</v>
      </c>
      <c r="M165" s="94">
        <v>9.6038207090775818E-2</v>
      </c>
      <c r="N165" s="196">
        <v>0.221</v>
      </c>
      <c r="O165" s="94">
        <v>8.2748836808577003E-2</v>
      </c>
      <c r="P165" s="196">
        <v>0.33500000000000002</v>
      </c>
      <c r="Q165" s="276">
        <v>9.2990685451780547E-2</v>
      </c>
      <c r="R165" s="196">
        <v>4.9000000000000002E-2</v>
      </c>
      <c r="S165" s="94">
        <v>4.8810600092435916E-2</v>
      </c>
    </row>
    <row r="166" spans="1:19">
      <c r="A166" s="49" t="s">
        <v>447</v>
      </c>
      <c r="B166" s="195">
        <v>197</v>
      </c>
      <c r="C166" s="197">
        <v>0.17599999999999999</v>
      </c>
      <c r="D166" s="97">
        <v>5.4482746482395664E-2</v>
      </c>
      <c r="E166" s="197">
        <v>0.14499999999999999</v>
      </c>
      <c r="F166" s="97">
        <v>5.0655604463164042E-2</v>
      </c>
      <c r="G166" s="197">
        <v>0.67200000000000004</v>
      </c>
      <c r="H166" s="97">
        <v>6.6404722677338601E-2</v>
      </c>
      <c r="I166" s="197">
        <v>7.0000000000000001E-3</v>
      </c>
      <c r="J166" s="97">
        <v>1.8136210661738057E-2</v>
      </c>
      <c r="K166" s="195">
        <v>197</v>
      </c>
      <c r="L166" s="197">
        <v>0.254</v>
      </c>
      <c r="M166" s="97">
        <v>6.1792242324196382E-2</v>
      </c>
      <c r="N166" s="197">
        <v>0.13100000000000001</v>
      </c>
      <c r="O166" s="97">
        <v>4.870551563355683E-2</v>
      </c>
      <c r="P166" s="197">
        <v>0.59799999999999998</v>
      </c>
      <c r="Q166" s="277">
        <v>6.922088737854197E-2</v>
      </c>
      <c r="R166" s="197">
        <v>1.7000000000000001E-2</v>
      </c>
      <c r="S166" s="97">
        <v>2.2704568077442186E-2</v>
      </c>
    </row>
    <row r="167" spans="1:19">
      <c r="A167" s="57" t="s">
        <v>448</v>
      </c>
      <c r="B167" s="194">
        <v>239</v>
      </c>
      <c r="C167" s="196">
        <v>0.19500000000000001</v>
      </c>
      <c r="D167" s="94">
        <v>5.1322003761073161E-2</v>
      </c>
      <c r="E167" s="196">
        <v>0.19600000000000001</v>
      </c>
      <c r="F167" s="94">
        <v>5.1416392782096997E-2</v>
      </c>
      <c r="G167" s="196">
        <v>0.60899999999999999</v>
      </c>
      <c r="H167" s="94">
        <v>6.2658119293698647E-2</v>
      </c>
      <c r="I167" s="196">
        <v>0</v>
      </c>
      <c r="J167" s="94">
        <v>1.159161916892641E-2</v>
      </c>
      <c r="K167" s="194">
        <v>238</v>
      </c>
      <c r="L167" s="196">
        <v>0.22700000000000001</v>
      </c>
      <c r="M167" s="94">
        <v>5.4228534904325741E-2</v>
      </c>
      <c r="N167" s="196">
        <v>0.16200000000000001</v>
      </c>
      <c r="O167" s="94">
        <v>4.8018840841119251E-2</v>
      </c>
      <c r="P167" s="196">
        <v>0.60799999999999998</v>
      </c>
      <c r="Q167" s="276">
        <v>6.2815274253100795E-2</v>
      </c>
      <c r="R167" s="196">
        <v>3.0000000000000001E-3</v>
      </c>
      <c r="S167" s="94">
        <v>1.3538498878311177E-2</v>
      </c>
    </row>
    <row r="168" spans="1:19">
      <c r="A168" s="49" t="s">
        <v>449</v>
      </c>
      <c r="B168" s="195">
        <v>121</v>
      </c>
      <c r="C168" s="197">
        <v>0.441</v>
      </c>
      <c r="D168" s="97">
        <v>8.8857318340089475E-2</v>
      </c>
      <c r="E168" s="197">
        <v>0.129</v>
      </c>
      <c r="F168" s="97">
        <v>6.2232359329467822E-2</v>
      </c>
      <c r="G168" s="197">
        <v>0.42099999999999999</v>
      </c>
      <c r="H168" s="97">
        <v>8.8390412731879475E-2</v>
      </c>
      <c r="I168" s="197">
        <v>0.01</v>
      </c>
      <c r="J168" s="97">
        <v>2.8295886683403295E-2</v>
      </c>
      <c r="K168" s="195">
        <v>122</v>
      </c>
      <c r="L168" s="197">
        <v>0.433</v>
      </c>
      <c r="M168" s="97">
        <v>8.8334050637076708E-2</v>
      </c>
      <c r="N168" s="197">
        <v>0.16400000000000001</v>
      </c>
      <c r="O168" s="97">
        <v>6.7649475231653988E-2</v>
      </c>
      <c r="P168" s="197">
        <v>0.374</v>
      </c>
      <c r="Q168" s="277">
        <v>8.63944442658207E-2</v>
      </c>
      <c r="R168" s="197">
        <v>2.8000000000000001E-2</v>
      </c>
      <c r="S168" s="97">
        <v>3.6137520321260365E-2</v>
      </c>
    </row>
    <row r="169" spans="1:19">
      <c r="A169" s="57" t="s">
        <v>450</v>
      </c>
      <c r="B169" s="194">
        <v>126</v>
      </c>
      <c r="C169" s="196">
        <v>0.34699999999999998</v>
      </c>
      <c r="D169" s="94">
        <v>8.3759617859551813E-2</v>
      </c>
      <c r="E169" s="196">
        <v>9.5000000000000001E-2</v>
      </c>
      <c r="F169" s="94">
        <v>5.4324822549327585E-2</v>
      </c>
      <c r="G169" s="196">
        <v>0.55800000000000005</v>
      </c>
      <c r="H169" s="94">
        <v>8.7149708597870093E-2</v>
      </c>
      <c r="I169" s="196">
        <v>0</v>
      </c>
      <c r="J169" s="94">
        <v>2.158912047524995E-2</v>
      </c>
      <c r="K169" s="194">
        <v>125</v>
      </c>
      <c r="L169" s="196">
        <v>0.32500000000000001</v>
      </c>
      <c r="M169" s="94">
        <v>8.2826947541734322E-2</v>
      </c>
      <c r="N169" s="196">
        <v>0.11700000000000001</v>
      </c>
      <c r="O169" s="94">
        <v>5.9001235989827823E-2</v>
      </c>
      <c r="P169" s="196">
        <v>0.53500000000000003</v>
      </c>
      <c r="Q169" s="276">
        <v>8.7842316651369837E-2</v>
      </c>
      <c r="R169" s="196">
        <v>2.3E-2</v>
      </c>
      <c r="S169" s="94">
        <v>3.3578583449444317E-2</v>
      </c>
    </row>
    <row r="170" spans="1:19">
      <c r="A170" s="49" t="s">
        <v>451</v>
      </c>
      <c r="B170" s="195">
        <v>168</v>
      </c>
      <c r="C170" s="197">
        <v>0.254</v>
      </c>
      <c r="D170" s="97">
        <v>6.6867791918724814E-2</v>
      </c>
      <c r="E170" s="197">
        <v>0.186</v>
      </c>
      <c r="F170" s="97">
        <v>6.0219856206570194E-2</v>
      </c>
      <c r="G170" s="197">
        <v>0.56000000000000005</v>
      </c>
      <c r="H170" s="97">
        <v>7.5723716733019003E-2</v>
      </c>
      <c r="I170" s="197">
        <v>0</v>
      </c>
      <c r="J170" s="97">
        <v>1.6348457544826219E-2</v>
      </c>
      <c r="K170" s="195">
        <v>167</v>
      </c>
      <c r="L170" s="197">
        <v>0.36699999999999999</v>
      </c>
      <c r="M170" s="97">
        <v>7.3846510097920925E-2</v>
      </c>
      <c r="N170" s="197">
        <v>0.13200000000000001</v>
      </c>
      <c r="O170" s="97">
        <v>5.3165860928889114E-2</v>
      </c>
      <c r="P170" s="197">
        <v>0.46899999999999997</v>
      </c>
      <c r="Q170" s="277">
        <v>7.6331599340960718E-2</v>
      </c>
      <c r="R170" s="197">
        <v>3.2000000000000001E-2</v>
      </c>
      <c r="S170" s="97">
        <v>3.1007598377126366E-2</v>
      </c>
    </row>
    <row r="171" spans="1:19">
      <c r="A171" s="57" t="s">
        <v>457</v>
      </c>
      <c r="B171" s="194">
        <v>129</v>
      </c>
      <c r="C171" s="196">
        <v>0.17399999999999999</v>
      </c>
      <c r="D171" s="94">
        <v>6.7170619452655858E-2</v>
      </c>
      <c r="E171" s="196">
        <v>0.126</v>
      </c>
      <c r="F171" s="94">
        <v>5.9676086512887229E-2</v>
      </c>
      <c r="G171" s="196">
        <v>0.67</v>
      </c>
      <c r="H171" s="94">
        <v>8.1860362552050703E-2</v>
      </c>
      <c r="I171" s="196">
        <v>2.9000000000000001E-2</v>
      </c>
      <c r="J171" s="94">
        <v>3.5244435643917958E-2</v>
      </c>
      <c r="K171" s="194">
        <v>130</v>
      </c>
      <c r="L171" s="196">
        <v>0.20100000000000001</v>
      </c>
      <c r="M171" s="94">
        <v>7.0362963215741148E-2</v>
      </c>
      <c r="N171" s="196">
        <v>0.115</v>
      </c>
      <c r="O171" s="94">
        <v>5.7430600641756438E-2</v>
      </c>
      <c r="P171" s="196">
        <v>0.65</v>
      </c>
      <c r="Q171" s="276">
        <v>8.2647107121930949E-2</v>
      </c>
      <c r="R171" s="196">
        <v>3.3000000000000002E-2</v>
      </c>
      <c r="S171" s="94">
        <v>3.6543536449332198E-2</v>
      </c>
    </row>
    <row r="172" spans="1:19">
      <c r="A172" s="49" t="s">
        <v>460</v>
      </c>
      <c r="B172" s="195">
        <v>195</v>
      </c>
      <c r="C172" s="197">
        <v>0.111</v>
      </c>
      <c r="D172" s="97">
        <v>4.5875321099435727E-2</v>
      </c>
      <c r="E172" s="197">
        <v>0.159</v>
      </c>
      <c r="F172" s="97">
        <v>5.2733640351425116E-2</v>
      </c>
      <c r="G172" s="197">
        <v>0.69799999999999995</v>
      </c>
      <c r="H172" s="97">
        <v>6.5333500929757246E-2</v>
      </c>
      <c r="I172" s="197">
        <v>3.2000000000000001E-2</v>
      </c>
      <c r="J172" s="97">
        <v>2.8246044811867516E-2</v>
      </c>
      <c r="K172" s="195">
        <v>195</v>
      </c>
      <c r="L172" s="197">
        <v>0.13</v>
      </c>
      <c r="M172" s="97">
        <v>4.8814736602954538E-2</v>
      </c>
      <c r="N172" s="197">
        <v>0.16800000000000001</v>
      </c>
      <c r="O172" s="97">
        <v>5.3830663536161602E-2</v>
      </c>
      <c r="P172" s="197">
        <v>0.67100000000000004</v>
      </c>
      <c r="Q172" s="277">
        <v>6.678890518714152E-2</v>
      </c>
      <c r="R172" s="197">
        <v>3.1E-2</v>
      </c>
      <c r="S172" s="97">
        <v>2.7924083148477271E-2</v>
      </c>
    </row>
    <row r="173" spans="1:19">
      <c r="A173" s="57" t="s">
        <v>458</v>
      </c>
      <c r="B173" s="194">
        <v>183</v>
      </c>
      <c r="C173" s="196">
        <v>0.11799999999999999</v>
      </c>
      <c r="D173" s="94">
        <v>4.8562649479060666E-2</v>
      </c>
      <c r="E173" s="196">
        <v>0.114</v>
      </c>
      <c r="F173" s="94">
        <v>4.7910341305848987E-2</v>
      </c>
      <c r="G173" s="196">
        <v>0.76</v>
      </c>
      <c r="H173" s="94">
        <v>6.2950799624899537E-2</v>
      </c>
      <c r="I173" s="196">
        <v>8.0000000000000002E-3</v>
      </c>
      <c r="J173" s="94">
        <v>1.972046534237816E-2</v>
      </c>
      <c r="K173" s="194">
        <v>182</v>
      </c>
      <c r="L173" s="196">
        <v>8.6999999999999994E-2</v>
      </c>
      <c r="M173" s="94">
        <v>4.3177158466936302E-2</v>
      </c>
      <c r="N173" s="196">
        <v>0.13900000000000001</v>
      </c>
      <c r="O173" s="94">
        <v>5.1894005555800843E-2</v>
      </c>
      <c r="P173" s="196">
        <v>0.76300000000000001</v>
      </c>
      <c r="Q173" s="276">
        <v>6.286596449791268E-2</v>
      </c>
      <c r="R173" s="196">
        <v>1.2E-2</v>
      </c>
      <c r="S173" s="94">
        <v>2.1745653656692728E-2</v>
      </c>
    </row>
    <row r="177" spans="1:10" ht="18.75">
      <c r="A177" s="321" t="s">
        <v>433</v>
      </c>
      <c r="B177" s="321"/>
      <c r="C177" s="321"/>
      <c r="D177" s="321"/>
      <c r="E177" s="228"/>
      <c r="F177" s="228"/>
      <c r="G177" s="228"/>
      <c r="H177" s="228"/>
      <c r="I177" s="228"/>
      <c r="J177" s="250"/>
    </row>
    <row r="178" spans="1:10" ht="134.25" customHeight="1">
      <c r="A178" s="389" t="s">
        <v>501</v>
      </c>
      <c r="B178" s="389"/>
      <c r="C178" s="389"/>
      <c r="D178" s="389"/>
      <c r="E178" s="280"/>
      <c r="F178" s="280"/>
      <c r="G178" s="280"/>
      <c r="H178" s="280"/>
      <c r="I178" s="280"/>
    </row>
    <row r="179" spans="1:10" ht="36" customHeight="1">
      <c r="A179" s="371" t="s">
        <v>166</v>
      </c>
      <c r="B179" s="371"/>
      <c r="C179" s="371"/>
      <c r="D179" s="371"/>
    </row>
    <row r="180" spans="1:10" ht="40.5" customHeight="1">
      <c r="A180" s="37" t="s">
        <v>85</v>
      </c>
      <c r="B180" s="38" t="s">
        <v>86</v>
      </c>
      <c r="C180" s="39" t="s">
        <v>87</v>
      </c>
      <c r="D180" s="40" t="s">
        <v>88</v>
      </c>
    </row>
    <row r="181" spans="1:10" ht="72">
      <c r="A181" s="41"/>
      <c r="B181" s="42" t="s">
        <v>89</v>
      </c>
      <c r="C181" s="128" t="s">
        <v>167</v>
      </c>
      <c r="D181" s="44" t="s">
        <v>91</v>
      </c>
    </row>
    <row r="182" spans="1:10">
      <c r="A182" s="45" t="s">
        <v>436</v>
      </c>
      <c r="B182" s="198">
        <v>10992</v>
      </c>
      <c r="C182" s="84">
        <v>3.79</v>
      </c>
      <c r="D182" s="85">
        <v>1.9599999999999999E-2</v>
      </c>
    </row>
    <row r="183" spans="1:10">
      <c r="A183" s="49" t="s">
        <v>437</v>
      </c>
      <c r="B183" s="49">
        <v>8875</v>
      </c>
      <c r="C183" s="202">
        <v>3.72</v>
      </c>
      <c r="D183" s="203">
        <v>1.9599999999999999E-2</v>
      </c>
    </row>
    <row r="184" spans="1:10">
      <c r="A184" s="45" t="s">
        <v>438</v>
      </c>
      <c r="B184" s="53">
        <v>1959</v>
      </c>
      <c r="C184" s="84">
        <v>4.0999999999999996</v>
      </c>
      <c r="D184" s="85">
        <v>5.8799999999999998E-2</v>
      </c>
    </row>
    <row r="185" spans="1:10">
      <c r="A185" s="49" t="s">
        <v>439</v>
      </c>
      <c r="B185" s="49">
        <v>3920</v>
      </c>
      <c r="C185" s="202">
        <v>3.83</v>
      </c>
      <c r="D185" s="203">
        <v>3.9199999999999999E-2</v>
      </c>
    </row>
    <row r="186" spans="1:10">
      <c r="A186" s="45" t="s">
        <v>440</v>
      </c>
      <c r="B186" s="53">
        <v>3295</v>
      </c>
      <c r="C186" s="84">
        <v>3.69</v>
      </c>
      <c r="D186" s="85">
        <v>3.9199999999999999E-2</v>
      </c>
    </row>
    <row r="187" spans="1:10">
      <c r="A187" s="49" t="s">
        <v>452</v>
      </c>
      <c r="B187" s="49">
        <v>579</v>
      </c>
      <c r="C187" s="202">
        <v>3.51</v>
      </c>
      <c r="D187" s="203">
        <v>9.8000000000000004E-2</v>
      </c>
    </row>
    <row r="188" spans="1:10">
      <c r="A188" s="45" t="s">
        <v>441</v>
      </c>
      <c r="B188" s="53">
        <v>148</v>
      </c>
      <c r="C188" s="84">
        <v>3.74</v>
      </c>
      <c r="D188" s="85">
        <v>0.1764</v>
      </c>
    </row>
    <row r="189" spans="1:10">
      <c r="A189" s="49" t="s">
        <v>442</v>
      </c>
      <c r="B189" s="49">
        <v>108</v>
      </c>
      <c r="C189" s="202">
        <v>3.95</v>
      </c>
      <c r="D189" s="203">
        <v>0.27440000000000003</v>
      </c>
    </row>
    <row r="190" spans="1:10">
      <c r="A190" s="45" t="s">
        <v>443</v>
      </c>
      <c r="B190" s="53">
        <v>122</v>
      </c>
      <c r="C190" s="84">
        <v>2.75</v>
      </c>
      <c r="D190" s="85">
        <v>0.1764</v>
      </c>
    </row>
    <row r="191" spans="1:10">
      <c r="A191" s="49" t="s">
        <v>444</v>
      </c>
      <c r="B191" s="49">
        <v>82</v>
      </c>
      <c r="C191" s="202">
        <v>4.0999999999999996</v>
      </c>
      <c r="D191" s="203">
        <v>0.25480000000000003</v>
      </c>
    </row>
    <row r="192" spans="1:10">
      <c r="A192" s="45" t="s">
        <v>445</v>
      </c>
      <c r="B192" s="198">
        <v>123</v>
      </c>
      <c r="C192" s="84">
        <v>3.62</v>
      </c>
      <c r="D192" s="85">
        <v>0.21559999999999999</v>
      </c>
    </row>
    <row r="193" spans="1:46">
      <c r="A193" s="49" t="s">
        <v>453</v>
      </c>
      <c r="B193" s="201">
        <v>961</v>
      </c>
      <c r="C193" s="202">
        <v>3.68</v>
      </c>
      <c r="D193" s="203">
        <v>7.8399999999999997E-2</v>
      </c>
    </row>
    <row r="194" spans="1:46">
      <c r="A194" s="45" t="s">
        <v>446</v>
      </c>
      <c r="B194" s="83">
        <v>105</v>
      </c>
      <c r="C194" s="84">
        <v>4.54</v>
      </c>
      <c r="D194" s="85">
        <v>0.23519999999999999</v>
      </c>
    </row>
    <row r="195" spans="1:46">
      <c r="A195" s="49" t="s">
        <v>447</v>
      </c>
      <c r="B195" s="201">
        <v>198</v>
      </c>
      <c r="C195" s="202">
        <v>2.67</v>
      </c>
      <c r="D195" s="203">
        <v>0.15679999999999999</v>
      </c>
    </row>
    <row r="196" spans="1:46">
      <c r="A196" s="57" t="s">
        <v>448</v>
      </c>
      <c r="B196" s="198">
        <v>240</v>
      </c>
      <c r="C196" s="84">
        <v>3.87</v>
      </c>
      <c r="D196" s="85">
        <v>0.15679999999999999</v>
      </c>
    </row>
    <row r="197" spans="1:46">
      <c r="A197" s="49" t="s">
        <v>449</v>
      </c>
      <c r="B197" s="201">
        <v>124</v>
      </c>
      <c r="C197" s="202">
        <v>4.37</v>
      </c>
      <c r="D197" s="203">
        <v>0.19600000000000001</v>
      </c>
    </row>
    <row r="198" spans="1:46">
      <c r="A198" s="57" t="s">
        <v>450</v>
      </c>
      <c r="B198" s="198">
        <v>126</v>
      </c>
      <c r="C198" s="84">
        <v>4.32</v>
      </c>
      <c r="D198" s="85">
        <v>0.23519999999999999</v>
      </c>
    </row>
    <row r="199" spans="1:46">
      <c r="A199" s="49" t="s">
        <v>451</v>
      </c>
      <c r="B199" s="201">
        <v>168</v>
      </c>
      <c r="C199" s="202">
        <v>3.51</v>
      </c>
      <c r="D199" s="203">
        <v>0.19600000000000001</v>
      </c>
    </row>
    <row r="200" spans="1:46">
      <c r="A200" s="57" t="s">
        <v>457</v>
      </c>
      <c r="B200" s="198">
        <v>128</v>
      </c>
      <c r="C200" s="84">
        <v>4.29</v>
      </c>
      <c r="D200" s="85">
        <v>0.21559999999999999</v>
      </c>
    </row>
    <row r="201" spans="1:46">
      <c r="A201" s="49" t="s">
        <v>460</v>
      </c>
      <c r="B201" s="201">
        <v>189</v>
      </c>
      <c r="C201" s="202">
        <v>4.07</v>
      </c>
      <c r="D201" s="203">
        <v>0.21559999999999999</v>
      </c>
    </row>
    <row r="202" spans="1:46">
      <c r="A202" s="57" t="s">
        <v>458</v>
      </c>
      <c r="B202" s="198">
        <v>180</v>
      </c>
      <c r="C202" s="84">
        <v>4.3</v>
      </c>
      <c r="D202" s="85">
        <v>0.21559999999999999</v>
      </c>
    </row>
    <row r="206" spans="1:46" ht="18.75">
      <c r="A206" s="321" t="s">
        <v>52</v>
      </c>
      <c r="B206" s="321"/>
      <c r="C206" s="321"/>
      <c r="D206" s="321"/>
      <c r="E206" s="321"/>
      <c r="F206" s="321"/>
      <c r="G206" s="321"/>
      <c r="H206" s="321"/>
      <c r="I206" s="321"/>
      <c r="J206" s="321"/>
      <c r="K206" s="321"/>
      <c r="L206" s="321"/>
      <c r="M206" s="321"/>
      <c r="N206" s="321"/>
      <c r="O206" s="321"/>
      <c r="P206" s="321"/>
      <c r="Q206" s="321"/>
      <c r="R206" s="321"/>
      <c r="S206" s="321"/>
      <c r="T206" s="321"/>
      <c r="U206" s="321"/>
      <c r="V206" s="321"/>
      <c r="W206" s="321"/>
      <c r="X206" s="321"/>
      <c r="Y206" s="321"/>
      <c r="Z206" s="321"/>
      <c r="AA206" s="321"/>
      <c r="AB206" s="321"/>
      <c r="AC206" s="321"/>
      <c r="AD206" s="321"/>
      <c r="AE206" s="321"/>
      <c r="AF206" s="321"/>
      <c r="AG206" s="321"/>
      <c r="AH206" s="321"/>
      <c r="AI206" s="321"/>
      <c r="AJ206" s="321"/>
      <c r="AK206" s="321"/>
      <c r="AL206" s="321"/>
      <c r="AM206" s="321"/>
      <c r="AN206" s="321"/>
      <c r="AO206" s="321"/>
      <c r="AP206" s="321"/>
      <c r="AQ206" s="321"/>
      <c r="AR206" s="321"/>
      <c r="AS206" s="321"/>
      <c r="AT206" s="321"/>
    </row>
    <row r="207" spans="1:46" ht="54" customHeight="1">
      <c r="A207" s="389" t="s">
        <v>502</v>
      </c>
      <c r="B207" s="389"/>
      <c r="C207" s="389"/>
      <c r="D207" s="389"/>
      <c r="E207" s="389"/>
      <c r="F207" s="389"/>
      <c r="G207" s="389"/>
      <c r="H207" s="389"/>
      <c r="I207" s="389"/>
      <c r="J207" s="389"/>
      <c r="K207" s="389"/>
      <c r="L207" s="389"/>
      <c r="M207" s="389"/>
      <c r="N207" s="389"/>
      <c r="O207" s="389"/>
      <c r="P207" s="389"/>
      <c r="Q207" s="389"/>
      <c r="R207" s="389"/>
      <c r="S207" s="389"/>
      <c r="T207" s="389"/>
      <c r="U207" s="389"/>
      <c r="V207" s="389"/>
      <c r="W207" s="389"/>
      <c r="X207" s="389"/>
      <c r="Y207" s="389"/>
      <c r="Z207" s="389"/>
      <c r="AA207" s="389"/>
      <c r="AB207" s="389"/>
      <c r="AC207" s="389"/>
      <c r="AD207" s="389"/>
      <c r="AE207" s="389"/>
      <c r="AF207" s="389"/>
      <c r="AG207" s="389"/>
      <c r="AH207" s="389"/>
      <c r="AI207" s="389"/>
      <c r="AJ207" s="389"/>
      <c r="AK207" s="389"/>
      <c r="AL207" s="389"/>
      <c r="AM207" s="389"/>
      <c r="AN207" s="389"/>
      <c r="AO207" s="389"/>
      <c r="AP207" s="389"/>
      <c r="AQ207" s="389"/>
      <c r="AR207" s="389"/>
      <c r="AS207" s="389"/>
      <c r="AT207" s="389"/>
    </row>
    <row r="208" spans="1:46" ht="32.25" customHeight="1">
      <c r="A208" s="64"/>
      <c r="B208" s="364" t="s">
        <v>346</v>
      </c>
      <c r="C208" s="365"/>
      <c r="D208" s="365"/>
      <c r="E208" s="365"/>
      <c r="F208" s="365"/>
      <c r="G208" s="365"/>
      <c r="H208" s="365"/>
      <c r="I208" s="365"/>
      <c r="J208" s="366"/>
      <c r="K208" s="364" t="s">
        <v>347</v>
      </c>
      <c r="L208" s="365"/>
      <c r="M208" s="365"/>
      <c r="N208" s="365"/>
      <c r="O208" s="365"/>
      <c r="P208" s="365"/>
      <c r="Q208" s="365"/>
      <c r="R208" s="365"/>
      <c r="S208" s="366"/>
      <c r="T208" s="364" t="s">
        <v>348</v>
      </c>
      <c r="U208" s="365"/>
      <c r="V208" s="365"/>
      <c r="W208" s="365"/>
      <c r="X208" s="365"/>
      <c r="Y208" s="365"/>
      <c r="Z208" s="365"/>
      <c r="AA208" s="365"/>
      <c r="AB208" s="366"/>
      <c r="AC208" s="364" t="s">
        <v>349</v>
      </c>
      <c r="AD208" s="365"/>
      <c r="AE208" s="365"/>
      <c r="AF208" s="365"/>
      <c r="AG208" s="365"/>
      <c r="AH208" s="365"/>
      <c r="AI208" s="365"/>
      <c r="AJ208" s="365"/>
      <c r="AK208" s="366"/>
      <c r="AL208" s="364" t="s">
        <v>350</v>
      </c>
      <c r="AM208" s="365"/>
      <c r="AN208" s="365"/>
      <c r="AO208" s="365"/>
      <c r="AP208" s="365"/>
      <c r="AQ208" s="365"/>
      <c r="AR208" s="365"/>
      <c r="AS208" s="365"/>
      <c r="AT208" s="366"/>
    </row>
    <row r="209" spans="1:46" ht="60.75" customHeight="1">
      <c r="A209" s="37" t="s">
        <v>85</v>
      </c>
      <c r="B209" s="38" t="s">
        <v>86</v>
      </c>
      <c r="C209" s="38" t="s">
        <v>257</v>
      </c>
      <c r="D209" s="89" t="s">
        <v>351</v>
      </c>
      <c r="E209" s="38" t="s">
        <v>352</v>
      </c>
      <c r="F209" s="89" t="s">
        <v>319</v>
      </c>
      <c r="G209" s="38" t="s">
        <v>353</v>
      </c>
      <c r="H209" s="89" t="s">
        <v>320</v>
      </c>
      <c r="I209" s="38" t="s">
        <v>357</v>
      </c>
      <c r="J209" s="89" t="s">
        <v>371</v>
      </c>
      <c r="K209" s="65" t="s">
        <v>86</v>
      </c>
      <c r="L209" s="65" t="s">
        <v>427</v>
      </c>
      <c r="M209" s="88" t="s">
        <v>428</v>
      </c>
      <c r="N209" s="65" t="s">
        <v>423</v>
      </c>
      <c r="O209" s="88" t="s">
        <v>425</v>
      </c>
      <c r="P209" s="65" t="s">
        <v>429</v>
      </c>
      <c r="Q209" s="88" t="s">
        <v>430</v>
      </c>
      <c r="R209" s="278" t="s">
        <v>357</v>
      </c>
      <c r="S209" s="88" t="s">
        <v>371</v>
      </c>
      <c r="T209" s="38" t="s">
        <v>86</v>
      </c>
      <c r="U209" s="38" t="s">
        <v>427</v>
      </c>
      <c r="V209" s="89" t="s">
        <v>428</v>
      </c>
      <c r="W209" s="38" t="s">
        <v>423</v>
      </c>
      <c r="X209" s="89" t="s">
        <v>425</v>
      </c>
      <c r="Y209" s="38" t="s">
        <v>429</v>
      </c>
      <c r="Z209" s="89" t="s">
        <v>430</v>
      </c>
      <c r="AA209" s="38" t="s">
        <v>357</v>
      </c>
      <c r="AB209" s="89" t="s">
        <v>371</v>
      </c>
      <c r="AC209" s="65" t="s">
        <v>86</v>
      </c>
      <c r="AD209" s="65" t="s">
        <v>427</v>
      </c>
      <c r="AE209" s="88" t="s">
        <v>428</v>
      </c>
      <c r="AF209" s="65" t="s">
        <v>423</v>
      </c>
      <c r="AG209" s="88" t="s">
        <v>425</v>
      </c>
      <c r="AH209" s="65" t="s">
        <v>429</v>
      </c>
      <c r="AI209" s="88" t="s">
        <v>430</v>
      </c>
      <c r="AJ209" s="65" t="s">
        <v>357</v>
      </c>
      <c r="AK209" s="88" t="s">
        <v>371</v>
      </c>
      <c r="AL209" s="38" t="s">
        <v>86</v>
      </c>
      <c r="AM209" s="38" t="s">
        <v>427</v>
      </c>
      <c r="AN209" s="89" t="s">
        <v>428</v>
      </c>
      <c r="AO209" s="38" t="s">
        <v>423</v>
      </c>
      <c r="AP209" s="89" t="s">
        <v>425</v>
      </c>
      <c r="AQ209" s="38" t="s">
        <v>429</v>
      </c>
      <c r="AR209" s="89" t="s">
        <v>430</v>
      </c>
      <c r="AS209" s="38" t="s">
        <v>357</v>
      </c>
      <c r="AT209" s="89" t="s">
        <v>371</v>
      </c>
    </row>
    <row r="210" spans="1:46" ht="72">
      <c r="A210" s="41"/>
      <c r="B210" s="42" t="s">
        <v>89</v>
      </c>
      <c r="C210" s="42" t="s">
        <v>181</v>
      </c>
      <c r="D210" s="91" t="s">
        <v>104</v>
      </c>
      <c r="E210" s="42" t="s">
        <v>182</v>
      </c>
      <c r="F210" s="91" t="s">
        <v>104</v>
      </c>
      <c r="G210" s="42" t="s">
        <v>183</v>
      </c>
      <c r="H210" s="91" t="s">
        <v>104</v>
      </c>
      <c r="I210" s="42" t="s">
        <v>357</v>
      </c>
      <c r="J210" s="91" t="s">
        <v>104</v>
      </c>
      <c r="K210" s="68" t="s">
        <v>89</v>
      </c>
      <c r="L210" s="68" t="s">
        <v>422</v>
      </c>
      <c r="M210" s="90" t="s">
        <v>104</v>
      </c>
      <c r="N210" s="68" t="s">
        <v>424</v>
      </c>
      <c r="O210" s="90" t="s">
        <v>104</v>
      </c>
      <c r="P210" s="68" t="s">
        <v>181</v>
      </c>
      <c r="Q210" s="90" t="s">
        <v>104</v>
      </c>
      <c r="R210" s="279" t="s">
        <v>357</v>
      </c>
      <c r="S210" s="90" t="s">
        <v>104</v>
      </c>
      <c r="T210" s="42" t="s">
        <v>89</v>
      </c>
      <c r="U210" s="42" t="s">
        <v>422</v>
      </c>
      <c r="V210" s="91" t="s">
        <v>104</v>
      </c>
      <c r="W210" s="42" t="s">
        <v>424</v>
      </c>
      <c r="X210" s="91" t="s">
        <v>104</v>
      </c>
      <c r="Y210" s="42" t="s">
        <v>181</v>
      </c>
      <c r="Z210" s="91" t="s">
        <v>104</v>
      </c>
      <c r="AA210" s="42" t="s">
        <v>357</v>
      </c>
      <c r="AB210" s="91" t="s">
        <v>104</v>
      </c>
      <c r="AC210" s="68" t="s">
        <v>89</v>
      </c>
      <c r="AD210" s="68" t="s">
        <v>422</v>
      </c>
      <c r="AE210" s="90" t="s">
        <v>104</v>
      </c>
      <c r="AF210" s="68" t="s">
        <v>424</v>
      </c>
      <c r="AG210" s="90" t="s">
        <v>104</v>
      </c>
      <c r="AH210" s="68" t="s">
        <v>181</v>
      </c>
      <c r="AI210" s="90" t="s">
        <v>104</v>
      </c>
      <c r="AJ210" s="68" t="s">
        <v>357</v>
      </c>
      <c r="AK210" s="90" t="s">
        <v>104</v>
      </c>
      <c r="AL210" s="42" t="s">
        <v>89</v>
      </c>
      <c r="AM210" s="42" t="s">
        <v>422</v>
      </c>
      <c r="AN210" s="91" t="s">
        <v>104</v>
      </c>
      <c r="AO210" s="42" t="s">
        <v>424</v>
      </c>
      <c r="AP210" s="91" t="s">
        <v>104</v>
      </c>
      <c r="AQ210" s="42" t="s">
        <v>181</v>
      </c>
      <c r="AR210" s="91" t="s">
        <v>104</v>
      </c>
      <c r="AS210" s="42" t="s">
        <v>357</v>
      </c>
      <c r="AT210" s="91" t="s">
        <v>104</v>
      </c>
    </row>
    <row r="211" spans="1:46">
      <c r="A211" s="45" t="s">
        <v>436</v>
      </c>
      <c r="B211" s="198">
        <v>10961</v>
      </c>
      <c r="C211" s="204">
        <v>0.14099999999999999</v>
      </c>
      <c r="D211" s="94">
        <v>6.6496731982213864E-3</v>
      </c>
      <c r="E211" s="204">
        <v>0.16800000000000001</v>
      </c>
      <c r="F211" s="94">
        <v>7.1427731357552237E-3</v>
      </c>
      <c r="G211" s="204">
        <v>0.68</v>
      </c>
      <c r="H211" s="94">
        <v>8.9100205820281352E-3</v>
      </c>
      <c r="I211" s="204">
        <v>1.2E-2</v>
      </c>
      <c r="J211" s="94">
        <v>2.0948521605220535E-3</v>
      </c>
      <c r="K211" s="198">
        <v>10984</v>
      </c>
      <c r="L211" s="204">
        <v>0.24762340161244129</v>
      </c>
      <c r="M211" s="94">
        <v>8.2364143383151945E-3</v>
      </c>
      <c r="N211" s="204">
        <v>0.42597845827984321</v>
      </c>
      <c r="O211" s="94">
        <v>9.4347875729083579E-3</v>
      </c>
      <c r="P211" s="204">
        <v>0.25040651474367437</v>
      </c>
      <c r="Q211" s="94">
        <v>8.2672075167569154E-3</v>
      </c>
      <c r="R211" s="204">
        <v>7.5991625364043358E-2</v>
      </c>
      <c r="S211" s="94">
        <v>5.0605280136049573E-3</v>
      </c>
      <c r="T211" s="198">
        <v>11013</v>
      </c>
      <c r="U211" s="204">
        <v>0.38190920252164035</v>
      </c>
      <c r="V211" s="94">
        <v>9.2579287671147731E-3</v>
      </c>
      <c r="W211" s="204">
        <v>0.31175161858371059</v>
      </c>
      <c r="X211" s="94">
        <v>8.8267599421445828E-3</v>
      </c>
      <c r="Y211" s="204">
        <v>0.13993233793948978</v>
      </c>
      <c r="Z211" s="94">
        <v>6.6129226233515963E-3</v>
      </c>
      <c r="AA211" s="204">
        <v>0.16640684095515595</v>
      </c>
      <c r="AB211" s="94">
        <v>7.098840526480737E-3</v>
      </c>
      <c r="AC211" s="198">
        <v>11013</v>
      </c>
      <c r="AD211" s="204">
        <v>0.35199999999999998</v>
      </c>
      <c r="AE211" s="94">
        <v>9.1006475318986639E-3</v>
      </c>
      <c r="AF211" s="204">
        <v>0.34399999999999997</v>
      </c>
      <c r="AG211" s="94">
        <v>9.0520399674367223E-3</v>
      </c>
      <c r="AH211" s="204">
        <v>0.14300000000000002</v>
      </c>
      <c r="AI211" s="94">
        <v>6.6729925909146245E-3</v>
      </c>
      <c r="AJ211" s="204">
        <v>0.16200000000000001</v>
      </c>
      <c r="AK211" s="94">
        <v>7.0228027118382158E-3</v>
      </c>
      <c r="AL211" s="198">
        <v>11001</v>
      </c>
      <c r="AM211" s="204">
        <v>0.224</v>
      </c>
      <c r="AN211" s="94">
        <v>7.9498511210027521E-3</v>
      </c>
      <c r="AO211" s="204">
        <v>0.33399999999999996</v>
      </c>
      <c r="AP211" s="94">
        <v>8.9921774875635265E-3</v>
      </c>
      <c r="AQ211" s="204">
        <v>0.17199999999999999</v>
      </c>
      <c r="AR211" s="94">
        <v>7.1967025905684389E-3</v>
      </c>
      <c r="AS211" s="204">
        <v>0.27</v>
      </c>
      <c r="AT211" s="94">
        <v>8.4648767501296386E-3</v>
      </c>
    </row>
    <row r="212" spans="1:46">
      <c r="A212" s="49" t="s">
        <v>437</v>
      </c>
      <c r="B212" s="201">
        <v>8815</v>
      </c>
      <c r="C212" s="205">
        <v>0.13900000000000001</v>
      </c>
      <c r="D212" s="97">
        <v>7.3712924673769668E-3</v>
      </c>
      <c r="E212" s="205">
        <v>0.16500000000000001</v>
      </c>
      <c r="F212" s="97">
        <v>7.9079859718514459E-3</v>
      </c>
      <c r="G212" s="205">
        <v>0.69</v>
      </c>
      <c r="H212" s="97">
        <v>9.8505153292116013E-3</v>
      </c>
      <c r="I212" s="205">
        <v>7.0000000000000001E-3</v>
      </c>
      <c r="J212" s="97">
        <v>1.8035290152243254E-3</v>
      </c>
      <c r="K212" s="201">
        <v>8837</v>
      </c>
      <c r="L212" s="205">
        <v>0.24399999999999999</v>
      </c>
      <c r="M212" s="97">
        <v>9.1370266845013145E-3</v>
      </c>
      <c r="N212" s="205">
        <v>0.432</v>
      </c>
      <c r="O212" s="97">
        <v>1.0536564827741743E-2</v>
      </c>
      <c r="P212" s="205">
        <v>0.253</v>
      </c>
      <c r="Q212" s="97">
        <v>9.2483289461389086E-3</v>
      </c>
      <c r="R212" s="205">
        <v>7.0999999999999994E-2</v>
      </c>
      <c r="S212" s="97">
        <v>5.4697033519390129E-3</v>
      </c>
      <c r="T212" s="201">
        <v>8865</v>
      </c>
      <c r="U212" s="205">
        <v>0.443</v>
      </c>
      <c r="V212" s="97">
        <v>1.0549325855996531E-2</v>
      </c>
      <c r="W212" s="205">
        <v>0.27800000000000002</v>
      </c>
      <c r="X212" s="97">
        <v>9.5155028372994714E-3</v>
      </c>
      <c r="Y212" s="205">
        <v>0.106</v>
      </c>
      <c r="Z212" s="97">
        <v>6.5423671637353902E-3</v>
      </c>
      <c r="AA212" s="205">
        <v>0.17399999999999999</v>
      </c>
      <c r="AB212" s="97">
        <v>8.0538228135833712E-3</v>
      </c>
      <c r="AC212" s="201">
        <v>8867</v>
      </c>
      <c r="AD212" s="205">
        <v>0.39200000000000002</v>
      </c>
      <c r="AE212" s="97">
        <v>1.0366880930254967E-2</v>
      </c>
      <c r="AF212" s="205">
        <v>0.33699999999999997</v>
      </c>
      <c r="AG212" s="97">
        <v>1.0037803753330382E-2</v>
      </c>
      <c r="AH212" s="205">
        <v>0.11199999999999999</v>
      </c>
      <c r="AI212" s="97">
        <v>6.7012427308636973E-3</v>
      </c>
      <c r="AJ212" s="205">
        <v>0.16</v>
      </c>
      <c r="AK212" s="97">
        <v>7.7877440804348273E-3</v>
      </c>
      <c r="AL212" s="201">
        <v>8853</v>
      </c>
      <c r="AM212" s="205">
        <v>0.245</v>
      </c>
      <c r="AN212" s="97">
        <v>9.1413873826699747E-3</v>
      </c>
      <c r="AO212" s="205">
        <v>0.31699999999999995</v>
      </c>
      <c r="AP212" s="97">
        <v>9.8891049241212961E-3</v>
      </c>
      <c r="AQ212" s="205">
        <v>0.14500000000000002</v>
      </c>
      <c r="AR212" s="97">
        <v>7.4860543309023002E-3</v>
      </c>
      <c r="AS212" s="205">
        <v>0.29299999999999998</v>
      </c>
      <c r="AT212" s="97">
        <v>9.6732129372762449E-3</v>
      </c>
    </row>
    <row r="213" spans="1:46">
      <c r="A213" s="45" t="s">
        <v>438</v>
      </c>
      <c r="B213" s="198">
        <v>1979</v>
      </c>
      <c r="C213" s="204">
        <v>0.113</v>
      </c>
      <c r="D213" s="94">
        <v>1.4261770176601274E-2</v>
      </c>
      <c r="E213" s="204">
        <v>0.17199999999999999</v>
      </c>
      <c r="F213" s="94">
        <v>1.6974935541793384E-2</v>
      </c>
      <c r="G213" s="204">
        <v>0.69699999999999995</v>
      </c>
      <c r="H213" s="94">
        <v>2.0647482298883774E-2</v>
      </c>
      <c r="I213" s="204">
        <v>1.7999999999999999E-2</v>
      </c>
      <c r="J213" s="94">
        <v>6.1272960434247447E-3</v>
      </c>
      <c r="K213" s="198">
        <v>1984</v>
      </c>
      <c r="L213" s="204">
        <v>0.20799999999999999</v>
      </c>
      <c r="M213" s="94">
        <v>1.8224994969946607E-2</v>
      </c>
      <c r="N213" s="204">
        <v>0.434</v>
      </c>
      <c r="O213" s="94">
        <v>2.2232605686554458E-2</v>
      </c>
      <c r="P213" s="204">
        <v>0.27</v>
      </c>
      <c r="Q213" s="94">
        <v>1.9925043799832422E-2</v>
      </c>
      <c r="R213" s="204">
        <v>8.6999999999999994E-2</v>
      </c>
      <c r="S213" s="94">
        <v>1.269648027309781E-2</v>
      </c>
      <c r="T213" s="198">
        <v>1986</v>
      </c>
      <c r="U213" s="204">
        <v>0.219</v>
      </c>
      <c r="V213" s="94">
        <v>1.855894383417829E-2</v>
      </c>
      <c r="W213" s="204">
        <v>0.36599999999999999</v>
      </c>
      <c r="X213" s="94">
        <v>2.160011689792303E-2</v>
      </c>
      <c r="Y213" s="204">
        <v>0.23100000000000001</v>
      </c>
      <c r="Z213" s="94">
        <v>1.8911569197501733E-2</v>
      </c>
      <c r="AA213" s="204">
        <v>0.184</v>
      </c>
      <c r="AB213" s="94">
        <v>1.7395489954830399E-2</v>
      </c>
      <c r="AC213" s="198">
        <v>1983</v>
      </c>
      <c r="AD213" s="204">
        <v>0.23200000000000001</v>
      </c>
      <c r="AE213" s="94">
        <v>1.8954286892245192E-2</v>
      </c>
      <c r="AF213" s="204">
        <v>0.35199999999999998</v>
      </c>
      <c r="AG213" s="94">
        <v>2.1432545391067773E-2</v>
      </c>
      <c r="AH213" s="204">
        <v>0.23599999999999999</v>
      </c>
      <c r="AI213" s="94">
        <v>1.9066504830662426E-2</v>
      </c>
      <c r="AJ213" s="204">
        <v>0.18</v>
      </c>
      <c r="AK213" s="94">
        <v>1.7261531587788474E-2</v>
      </c>
      <c r="AL213" s="198">
        <v>1983</v>
      </c>
      <c r="AM213" s="204">
        <v>0.152</v>
      </c>
      <c r="AN213" s="94">
        <v>1.6138747587320298E-2</v>
      </c>
      <c r="AO213" s="204">
        <v>0.35199999999999998</v>
      </c>
      <c r="AP213" s="94">
        <v>2.1432545391067773E-2</v>
      </c>
      <c r="AQ213" s="204">
        <v>0.245</v>
      </c>
      <c r="AR213" s="94">
        <v>1.9310538736243974E-2</v>
      </c>
      <c r="AS213" s="204">
        <v>0.251</v>
      </c>
      <c r="AT213" s="94">
        <v>1.9466894733485177E-2</v>
      </c>
    </row>
    <row r="214" spans="1:46">
      <c r="A214" s="49" t="s">
        <v>439</v>
      </c>
      <c r="B214" s="201">
        <v>3902</v>
      </c>
      <c r="C214" s="205">
        <v>0.114</v>
      </c>
      <c r="D214" s="97">
        <v>1.0185630224335468E-2</v>
      </c>
      <c r="E214" s="205">
        <v>0.16300000000000001</v>
      </c>
      <c r="F214" s="97">
        <v>1.1830146478021542E-2</v>
      </c>
      <c r="G214" s="205">
        <v>0.70399999999999996</v>
      </c>
      <c r="H214" s="97">
        <v>1.4611164056446699E-2</v>
      </c>
      <c r="I214" s="205">
        <v>0.02</v>
      </c>
      <c r="J214" s="97">
        <v>4.5337272551907353E-3</v>
      </c>
      <c r="K214" s="201">
        <v>3918</v>
      </c>
      <c r="L214" s="205">
        <v>0.24018048593276323</v>
      </c>
      <c r="M214" s="97">
        <v>1.364784185520109E-2</v>
      </c>
      <c r="N214" s="205">
        <v>0.42880146773868355</v>
      </c>
      <c r="O214" s="97">
        <v>1.580545622663786E-2</v>
      </c>
      <c r="P214" s="205">
        <v>0.23376427063832989</v>
      </c>
      <c r="Q214" s="97">
        <v>1.3521397663035202E-2</v>
      </c>
      <c r="R214" s="205">
        <v>9.7253775690223046E-2</v>
      </c>
      <c r="S214" s="97">
        <v>9.4804434317022884E-3</v>
      </c>
      <c r="T214" s="201">
        <v>3924</v>
      </c>
      <c r="U214" s="205">
        <v>0.39452858649971034</v>
      </c>
      <c r="V214" s="97">
        <v>1.5597352954736523E-2</v>
      </c>
      <c r="W214" s="205">
        <v>0.2782479549586821</v>
      </c>
      <c r="X214" s="97">
        <v>1.4304163515112295E-2</v>
      </c>
      <c r="Y214" s="205">
        <v>0.15106329568973975</v>
      </c>
      <c r="Z214" s="97">
        <v>1.143880500935447E-2</v>
      </c>
      <c r="AA214" s="205">
        <v>0.17616016285187275</v>
      </c>
      <c r="AB214" s="97">
        <v>1.216574437756421E-2</v>
      </c>
      <c r="AC214" s="201">
        <v>3927</v>
      </c>
      <c r="AD214" s="205">
        <v>0.34899999999999998</v>
      </c>
      <c r="AE214" s="97">
        <v>1.5206385771633109E-2</v>
      </c>
      <c r="AF214" s="205">
        <v>0.33</v>
      </c>
      <c r="AG214" s="97">
        <v>1.5001357850100828E-2</v>
      </c>
      <c r="AH214" s="205">
        <v>0.13900000000000001</v>
      </c>
      <c r="AI214" s="97">
        <v>1.1047598599126164E-2</v>
      </c>
      <c r="AJ214" s="205">
        <v>0.183</v>
      </c>
      <c r="AK214" s="97">
        <v>1.2342743779861678E-2</v>
      </c>
      <c r="AL214" s="201">
        <v>3907</v>
      </c>
      <c r="AM214" s="205">
        <v>0.215</v>
      </c>
      <c r="AN214" s="97">
        <v>1.3144791366477565E-2</v>
      </c>
      <c r="AO214" s="205">
        <v>0.30099999999999999</v>
      </c>
      <c r="AP214" s="97">
        <v>1.4672072589130383E-2</v>
      </c>
      <c r="AQ214" s="205">
        <v>0.17099999999999999</v>
      </c>
      <c r="AR214" s="97">
        <v>1.2050362870903768E-2</v>
      </c>
      <c r="AS214" s="205">
        <v>0.312</v>
      </c>
      <c r="AT214" s="97">
        <v>1.4819402363147169E-2</v>
      </c>
    </row>
    <row r="215" spans="1:46">
      <c r="A215" s="45" t="s">
        <v>440</v>
      </c>
      <c r="B215" s="198">
        <v>3263</v>
      </c>
      <c r="C215" s="204">
        <v>0.105</v>
      </c>
      <c r="D215" s="94">
        <v>1.0748357362700963E-2</v>
      </c>
      <c r="E215" s="204">
        <v>0.16200000000000001</v>
      </c>
      <c r="F215" s="94">
        <v>1.2905703611106729E-2</v>
      </c>
      <c r="G215" s="204">
        <v>0.72199999999999998</v>
      </c>
      <c r="H215" s="94">
        <v>1.5681112434827674E-2</v>
      </c>
      <c r="I215" s="204">
        <v>1.0999999999999999E-2</v>
      </c>
      <c r="J215" s="94">
        <v>3.746510955718407E-3</v>
      </c>
      <c r="K215" s="198">
        <v>3281</v>
      </c>
      <c r="L215" s="204">
        <v>0.24399999999999999</v>
      </c>
      <c r="M215" s="94">
        <v>1.499359593133736E-2</v>
      </c>
      <c r="N215" s="204">
        <v>0.439</v>
      </c>
      <c r="O215" s="94">
        <v>1.7317451673250418E-2</v>
      </c>
      <c r="P215" s="204">
        <v>0.22500000000000001</v>
      </c>
      <c r="Q215" s="94">
        <v>1.457919362900726E-2</v>
      </c>
      <c r="R215" s="204">
        <v>9.2999999999999999E-2</v>
      </c>
      <c r="S215" s="94">
        <v>1.0158809683268639E-2</v>
      </c>
      <c r="T215" s="198">
        <v>3286</v>
      </c>
      <c r="U215" s="204">
        <v>0.47299999999999998</v>
      </c>
      <c r="V215" s="94">
        <v>1.7408825332953702E-2</v>
      </c>
      <c r="W215" s="204">
        <v>0.26600000000000001</v>
      </c>
      <c r="X215" s="94">
        <v>1.5412349067167834E-2</v>
      </c>
      <c r="Y215" s="204">
        <v>9.2999999999999999E-2</v>
      </c>
      <c r="Z215" s="94">
        <v>1.0151050617849131E-2</v>
      </c>
      <c r="AA215" s="204">
        <v>0.16800000000000001</v>
      </c>
      <c r="AB215" s="94">
        <v>1.3048604902930435E-2</v>
      </c>
      <c r="AC215" s="198">
        <v>3290</v>
      </c>
      <c r="AD215" s="204">
        <v>0.41599999999999998</v>
      </c>
      <c r="AE215" s="94">
        <v>1.7176575957857248E-2</v>
      </c>
      <c r="AF215" s="204">
        <v>0.315</v>
      </c>
      <c r="AG215" s="94">
        <v>1.6190204837334018E-2</v>
      </c>
      <c r="AH215" s="204">
        <v>9.5000000000000001E-2</v>
      </c>
      <c r="AI215" s="94">
        <v>1.0241356850830398E-2</v>
      </c>
      <c r="AJ215" s="204">
        <v>0.17399999999999999</v>
      </c>
      <c r="AK215" s="94">
        <v>1.3222763364408979E-2</v>
      </c>
      <c r="AL215" s="198">
        <v>3270</v>
      </c>
      <c r="AM215" s="204">
        <v>0.248</v>
      </c>
      <c r="AN215" s="94">
        <v>1.5101006971857529E-2</v>
      </c>
      <c r="AO215" s="204">
        <v>0.28500000000000003</v>
      </c>
      <c r="AP215" s="94">
        <v>1.5782884008851025E-2</v>
      </c>
      <c r="AQ215" s="204">
        <v>0.13200000000000001</v>
      </c>
      <c r="AR215" s="94">
        <v>1.1848499236887387E-2</v>
      </c>
      <c r="AS215" s="204">
        <v>0.33500000000000002</v>
      </c>
      <c r="AT215" s="94">
        <v>1.6500179873204571E-2</v>
      </c>
    </row>
    <row r="216" spans="1:46">
      <c r="A216" s="49" t="s">
        <v>452</v>
      </c>
      <c r="B216" s="201">
        <v>572</v>
      </c>
      <c r="C216" s="205">
        <v>9.8000000000000004E-2</v>
      </c>
      <c r="D216" s="97">
        <v>2.5087722013248697E-2</v>
      </c>
      <c r="E216" s="205">
        <v>0.156</v>
      </c>
      <c r="F216" s="97">
        <v>3.0425438092051827E-2</v>
      </c>
      <c r="G216" s="205">
        <v>0.72299999999999998</v>
      </c>
      <c r="H216" s="97">
        <v>3.7357068567257318E-2</v>
      </c>
      <c r="I216" s="205">
        <v>2.1999999999999999E-2</v>
      </c>
      <c r="J216" s="97">
        <v>1.3091125645904901E-2</v>
      </c>
      <c r="K216" s="201">
        <v>577</v>
      </c>
      <c r="L216" s="205">
        <v>0.21665378578802982</v>
      </c>
      <c r="M216" s="97">
        <v>3.4293116570263571E-2</v>
      </c>
      <c r="N216" s="205">
        <v>0.46598623596760647</v>
      </c>
      <c r="O216" s="97">
        <v>4.1392204051402919E-2</v>
      </c>
      <c r="P216" s="205">
        <v>0.17949607683702415</v>
      </c>
      <c r="Q216" s="97">
        <v>3.1994706247877869E-2</v>
      </c>
      <c r="R216" s="205">
        <v>0.1378639014073372</v>
      </c>
      <c r="S216" s="97">
        <v>2.8821604482986853E-2</v>
      </c>
      <c r="T216" s="201">
        <v>576</v>
      </c>
      <c r="U216" s="205">
        <v>0.56319137830524302</v>
      </c>
      <c r="V216" s="97">
        <v>4.1194386771871899E-2</v>
      </c>
      <c r="W216" s="205">
        <v>0.24005473079722922</v>
      </c>
      <c r="X216" s="97">
        <v>3.5560270783180532E-2</v>
      </c>
      <c r="Y216" s="205">
        <v>4.1072426021459697E-2</v>
      </c>
      <c r="Z216" s="97">
        <v>1.70759949155216E-2</v>
      </c>
      <c r="AA216" s="205">
        <v>0.15568146487606552</v>
      </c>
      <c r="AB216" s="97">
        <v>3.0294457496075528E-2</v>
      </c>
      <c r="AC216" s="201">
        <v>576</v>
      </c>
      <c r="AD216" s="205">
        <v>0.48099999999999998</v>
      </c>
      <c r="AE216" s="97">
        <v>4.1493162057372454E-2</v>
      </c>
      <c r="AF216" s="205">
        <v>0.30199999999999999</v>
      </c>
      <c r="AG216" s="97">
        <v>3.8176981708177897E-2</v>
      </c>
      <c r="AH216" s="205">
        <v>5.7999999999999996E-2</v>
      </c>
      <c r="AI216" s="97">
        <v>1.9882652961874303E-2</v>
      </c>
      <c r="AJ216" s="205">
        <v>0.159</v>
      </c>
      <c r="AK216" s="97">
        <v>3.0548699984264585E-2</v>
      </c>
      <c r="AL216" s="201">
        <v>572</v>
      </c>
      <c r="AM216" s="205">
        <v>0.26800000000000002</v>
      </c>
      <c r="AN216" s="97">
        <v>3.6979814301985457E-2</v>
      </c>
      <c r="AO216" s="205">
        <v>0.27800000000000002</v>
      </c>
      <c r="AP216" s="97">
        <v>3.7397835207688836E-2</v>
      </c>
      <c r="AQ216" s="205">
        <v>5.6999999999999995E-2</v>
      </c>
      <c r="AR216" s="97">
        <v>1.980235963544915E-2</v>
      </c>
      <c r="AS216" s="205">
        <v>0.39700000000000002</v>
      </c>
      <c r="AT216" s="97">
        <v>4.0785502224027242E-2</v>
      </c>
    </row>
    <row r="217" spans="1:46">
      <c r="A217" s="45" t="s">
        <v>441</v>
      </c>
      <c r="B217" s="198">
        <v>146</v>
      </c>
      <c r="C217" s="204">
        <v>3.6999999999999998E-2</v>
      </c>
      <c r="D217" s="94">
        <v>3.5369128970730225E-2</v>
      </c>
      <c r="E217" s="204">
        <v>0.19</v>
      </c>
      <c r="F217" s="94">
        <v>6.5106475982154147E-2</v>
      </c>
      <c r="G217" s="204">
        <v>0.746</v>
      </c>
      <c r="H217" s="94">
        <v>7.1678632129805603E-2</v>
      </c>
      <c r="I217" s="204">
        <v>2.5999999999999999E-2</v>
      </c>
      <c r="J217" s="94">
        <v>3.1473565797348099E-2</v>
      </c>
      <c r="K217" s="198">
        <v>147</v>
      </c>
      <c r="L217" s="204">
        <v>0.14963961391346189</v>
      </c>
      <c r="M217" s="94">
        <v>5.9504554897622068E-2</v>
      </c>
      <c r="N217" s="204">
        <v>0.46383064312692984</v>
      </c>
      <c r="O217" s="94">
        <v>8.1176803101575892E-2</v>
      </c>
      <c r="P217" s="204">
        <v>0.22462275272682006</v>
      </c>
      <c r="Q217" s="94">
        <v>6.8692959399174663E-2</v>
      </c>
      <c r="R217" s="204">
        <v>0.16190699023278909</v>
      </c>
      <c r="S217" s="94">
        <v>6.1260252278377572E-2</v>
      </c>
      <c r="T217" s="198">
        <v>147</v>
      </c>
      <c r="U217" s="204">
        <v>0.44048951668144609</v>
      </c>
      <c r="V217" s="94">
        <v>8.0830727590478824E-2</v>
      </c>
      <c r="W217" s="204">
        <v>0.30266234370611517</v>
      </c>
      <c r="X217" s="94">
        <v>7.5132321785680023E-2</v>
      </c>
      <c r="Y217" s="204">
        <v>5.3596851341239996E-2</v>
      </c>
      <c r="Z217" s="94">
        <v>4.0244961546537457E-2</v>
      </c>
      <c r="AA217" s="204">
        <v>0.20325128827119979</v>
      </c>
      <c r="AB217" s="94">
        <v>6.6421058697867866E-2</v>
      </c>
      <c r="AC217" s="198">
        <v>147</v>
      </c>
      <c r="AD217" s="204">
        <v>0.38100000000000001</v>
      </c>
      <c r="AE217" s="94">
        <v>7.9164396731550984E-2</v>
      </c>
      <c r="AF217" s="204">
        <v>0.30299999999999999</v>
      </c>
      <c r="AG217" s="94">
        <v>7.5154564400076534E-2</v>
      </c>
      <c r="AH217" s="204">
        <v>8.2000000000000003E-2</v>
      </c>
      <c r="AI217" s="94">
        <v>4.7286723759209004E-2</v>
      </c>
      <c r="AJ217" s="204">
        <v>0.23400000000000001</v>
      </c>
      <c r="AK217" s="94">
        <v>6.961445596544126E-2</v>
      </c>
      <c r="AL217" s="198">
        <v>147</v>
      </c>
      <c r="AM217" s="204">
        <v>0.17899999999999999</v>
      </c>
      <c r="AN217" s="94">
        <v>6.3526772689603397E-2</v>
      </c>
      <c r="AO217" s="204">
        <v>0.26500000000000001</v>
      </c>
      <c r="AP217" s="94">
        <v>7.2360772939154605E-2</v>
      </c>
      <c r="AQ217" s="204">
        <v>5.4000000000000006E-2</v>
      </c>
      <c r="AR217" s="94">
        <v>4.0357019945625704E-2</v>
      </c>
      <c r="AS217" s="204">
        <v>0.502</v>
      </c>
      <c r="AT217" s="94">
        <v>8.1378228878862549E-2</v>
      </c>
    </row>
    <row r="218" spans="1:46">
      <c r="A218" s="49" t="s">
        <v>442</v>
      </c>
      <c r="B218" s="201">
        <v>108</v>
      </c>
      <c r="C218" s="205">
        <v>0.05</v>
      </c>
      <c r="D218" s="97">
        <v>4.6944494161402686E-2</v>
      </c>
      <c r="E218" s="205">
        <v>6.5000000000000002E-2</v>
      </c>
      <c r="F218" s="97">
        <v>5.1425991555897964E-2</v>
      </c>
      <c r="G218" s="205">
        <v>0.80700000000000005</v>
      </c>
      <c r="H218" s="97">
        <v>7.6149021161363725E-2</v>
      </c>
      <c r="I218" s="205">
        <v>7.8E-2</v>
      </c>
      <c r="J218" s="97">
        <v>5.4905482992887111E-2</v>
      </c>
      <c r="K218" s="201">
        <v>109</v>
      </c>
      <c r="L218" s="205">
        <v>6.1330110012785821E-2</v>
      </c>
      <c r="M218" s="97">
        <v>5.011528566566581E-2</v>
      </c>
      <c r="N218" s="205">
        <v>0.37343582544505138</v>
      </c>
      <c r="O218" s="97">
        <v>9.1224800696430963E-2</v>
      </c>
      <c r="P218" s="205">
        <v>0.2454477191477008</v>
      </c>
      <c r="Q218" s="97">
        <v>8.194738916060873E-2</v>
      </c>
      <c r="R218" s="205">
        <v>0.31978634539446282</v>
      </c>
      <c r="S218" s="97">
        <v>8.8203625601691107E-2</v>
      </c>
      <c r="T218" s="201">
        <v>107</v>
      </c>
      <c r="U218" s="205">
        <v>0.532495644873348</v>
      </c>
      <c r="V218" s="97">
        <v>9.4729347510796036E-2</v>
      </c>
      <c r="W218" s="205">
        <v>0.13616476803005001</v>
      </c>
      <c r="X218" s="97">
        <v>6.764843913034263E-2</v>
      </c>
      <c r="Y218" s="205">
        <v>4.2204788492659816E-2</v>
      </c>
      <c r="Z218" s="97">
        <v>4.4622944291956762E-2</v>
      </c>
      <c r="AA218" s="205">
        <v>0.28913479860394298</v>
      </c>
      <c r="AB218" s="97">
        <v>8.6718504547542569E-2</v>
      </c>
      <c r="AC218" s="201">
        <v>107</v>
      </c>
      <c r="AD218" s="205">
        <v>0.48</v>
      </c>
      <c r="AE218" s="97">
        <v>9.4845214706962347E-2</v>
      </c>
      <c r="AF218" s="205">
        <v>0.22699999999999998</v>
      </c>
      <c r="AG218" s="97">
        <v>8.0705375956804881E-2</v>
      </c>
      <c r="AH218" s="205">
        <v>3.0000000000000002E-2</v>
      </c>
      <c r="AI218" s="97">
        <v>4.0150106139186306E-2</v>
      </c>
      <c r="AJ218" s="205">
        <v>0.26300000000000001</v>
      </c>
      <c r="AK218" s="97">
        <v>8.4428396099141739E-2</v>
      </c>
      <c r="AL218" s="201">
        <v>109</v>
      </c>
      <c r="AM218" s="205">
        <v>0.252</v>
      </c>
      <c r="AN218" s="97">
        <v>8.2606477030962924E-2</v>
      </c>
      <c r="AO218" s="205">
        <v>0.158</v>
      </c>
      <c r="AP218" s="97">
        <v>7.0690670353185645E-2</v>
      </c>
      <c r="AQ218" s="205">
        <v>2.2000000000000002E-2</v>
      </c>
      <c r="AR218" s="97">
        <v>3.6388056013849084E-2</v>
      </c>
      <c r="AS218" s="205">
        <v>0.56799999999999995</v>
      </c>
      <c r="AT218" s="97">
        <v>9.3259096460058047E-2</v>
      </c>
    </row>
    <row r="219" spans="1:46">
      <c r="A219" s="45" t="s">
        <v>443</v>
      </c>
      <c r="B219" s="198">
        <v>120</v>
      </c>
      <c r="C219" s="204">
        <v>0.17399999999999999</v>
      </c>
      <c r="D219" s="94">
        <v>6.9669710908249111E-2</v>
      </c>
      <c r="E219" s="204">
        <v>0.18</v>
      </c>
      <c r="F219" s="94">
        <v>7.0505066379778783E-2</v>
      </c>
      <c r="G219" s="204">
        <v>0.64500000000000002</v>
      </c>
      <c r="H219" s="94">
        <v>8.6193625496111606E-2</v>
      </c>
      <c r="I219" s="204">
        <v>0</v>
      </c>
      <c r="J219" s="94">
        <v>2.262519761202799E-2</v>
      </c>
      <c r="K219" s="198">
        <v>121</v>
      </c>
      <c r="L219" s="204">
        <v>0.47928624878595066</v>
      </c>
      <c r="M219" s="94">
        <v>8.937077123284444E-2</v>
      </c>
      <c r="N219" s="204">
        <v>0.45485946417233292</v>
      </c>
      <c r="O219" s="94">
        <v>8.9100510652376883E-2</v>
      </c>
      <c r="P219" s="204">
        <v>2.4568299357230282E-2</v>
      </c>
      <c r="Q219" s="94">
        <v>3.4962607317495835E-2</v>
      </c>
      <c r="R219" s="204">
        <v>4.1285987684487581E-2</v>
      </c>
      <c r="S219" s="94">
        <v>4.1117499224065157E-2</v>
      </c>
      <c r="T219" s="198">
        <v>122</v>
      </c>
      <c r="U219" s="204">
        <v>0.76803966549040903</v>
      </c>
      <c r="V219" s="94">
        <v>7.6146044987053269E-2</v>
      </c>
      <c r="W219" s="204">
        <v>0.19996500660304523</v>
      </c>
      <c r="X219" s="94">
        <v>7.2507010608390154E-2</v>
      </c>
      <c r="Y219" s="204">
        <v>1.3046614981964457E-4</v>
      </c>
      <c r="Z219" s="94">
        <v>2.2355966748844672E-2</v>
      </c>
      <c r="AA219" s="204">
        <v>3.1864861756726925E-2</v>
      </c>
      <c r="AB219" s="94">
        <v>3.7604013674187316E-2</v>
      </c>
      <c r="AC219" s="198">
        <v>121</v>
      </c>
      <c r="AD219" s="204">
        <v>0.66600000000000004</v>
      </c>
      <c r="AE219" s="94">
        <v>8.4697932282860364E-2</v>
      </c>
      <c r="AF219" s="204">
        <v>0.28600000000000003</v>
      </c>
      <c r="AG219" s="94">
        <v>8.1405267425836758E-2</v>
      </c>
      <c r="AH219" s="204">
        <v>8.0000000000000002E-3</v>
      </c>
      <c r="AI219" s="94">
        <v>2.7235401940268848E-2</v>
      </c>
      <c r="AJ219" s="204">
        <v>3.9E-2</v>
      </c>
      <c r="AK219" s="94">
        <v>4.0343613123665557E-2</v>
      </c>
      <c r="AL219" s="198">
        <v>120</v>
      </c>
      <c r="AM219" s="204">
        <v>0.48099999999999998</v>
      </c>
      <c r="AN219" s="94">
        <v>8.9741908552897737E-2</v>
      </c>
      <c r="AO219" s="204">
        <v>0.28500000000000003</v>
      </c>
      <c r="AP219" s="94">
        <v>8.1658051205679705E-2</v>
      </c>
      <c r="AQ219" s="204">
        <v>4.8000000000000001E-2</v>
      </c>
      <c r="AR219" s="94">
        <v>4.3501689997756068E-2</v>
      </c>
      <c r="AS219" s="204">
        <v>0.185</v>
      </c>
      <c r="AT219" s="94">
        <v>7.118203857403238E-2</v>
      </c>
    </row>
    <row r="220" spans="1:46">
      <c r="A220" s="49" t="s">
        <v>444</v>
      </c>
      <c r="B220" s="201">
        <v>80</v>
      </c>
      <c r="C220" s="205">
        <v>9.8000000000000004E-2</v>
      </c>
      <c r="D220" s="97">
        <v>7.0176786340697253E-2</v>
      </c>
      <c r="E220" s="205">
        <v>0.224</v>
      </c>
      <c r="F220" s="97">
        <v>9.281474699354203E-2</v>
      </c>
      <c r="G220" s="205">
        <v>0.67800000000000005</v>
      </c>
      <c r="H220" s="97">
        <v>0.10264633642350973</v>
      </c>
      <c r="I220" s="205">
        <v>0</v>
      </c>
      <c r="J220" s="97">
        <v>3.326848242884628E-2</v>
      </c>
      <c r="K220" s="201">
        <v>81</v>
      </c>
      <c r="L220" s="205">
        <v>6.2031331648453275E-4</v>
      </c>
      <c r="M220" s="97">
        <v>3.3282204191925568E-2</v>
      </c>
      <c r="N220" s="205">
        <v>0.5569594426926936</v>
      </c>
      <c r="O220" s="97">
        <v>0.10782421213202807</v>
      </c>
      <c r="P220" s="205">
        <v>0.31533368720827037</v>
      </c>
      <c r="Q220" s="97">
        <v>0.10152540116477801</v>
      </c>
      <c r="R220" s="205">
        <v>0.12708655678255187</v>
      </c>
      <c r="S220" s="97">
        <v>7.630157461050531E-2</v>
      </c>
      <c r="T220" s="201">
        <v>82</v>
      </c>
      <c r="U220" s="205">
        <v>0.40265366730720248</v>
      </c>
      <c r="V220" s="97">
        <v>0.10595846228330955</v>
      </c>
      <c r="W220" s="205">
        <v>0.3477564948539128</v>
      </c>
      <c r="X220" s="97">
        <v>0.1031882168719727</v>
      </c>
      <c r="Y220" s="205">
        <v>0.129957109749268</v>
      </c>
      <c r="Z220" s="97">
        <v>7.6404634877088623E-2</v>
      </c>
      <c r="AA220" s="205">
        <v>0.11963272808961709</v>
      </c>
      <c r="AB220" s="97">
        <v>7.4229776889972537E-2</v>
      </c>
      <c r="AC220" s="201">
        <v>82</v>
      </c>
      <c r="AD220" s="205">
        <v>0.247</v>
      </c>
      <c r="AE220" s="97">
        <v>9.4452363505571679E-2</v>
      </c>
      <c r="AF220" s="205">
        <v>0.46699999999999997</v>
      </c>
      <c r="AG220" s="97">
        <v>0.10761904094893951</v>
      </c>
      <c r="AH220" s="205">
        <v>0.155</v>
      </c>
      <c r="AI220" s="97">
        <v>8.1208775584859991E-2</v>
      </c>
      <c r="AJ220" s="205">
        <v>0.13100000000000001</v>
      </c>
      <c r="AK220" s="97">
        <v>7.6617618397164758E-2</v>
      </c>
      <c r="AL220" s="201">
        <v>81</v>
      </c>
      <c r="AM220" s="205">
        <v>0.128</v>
      </c>
      <c r="AN220" s="97">
        <v>7.6491882092502655E-2</v>
      </c>
      <c r="AO220" s="205">
        <v>0.39500000000000002</v>
      </c>
      <c r="AP220" s="97">
        <v>0.10627118071710473</v>
      </c>
      <c r="AQ220" s="205">
        <v>0.15</v>
      </c>
      <c r="AR220" s="97">
        <v>8.0807143390664998E-2</v>
      </c>
      <c r="AS220" s="205">
        <v>0.32600000000000001</v>
      </c>
      <c r="AT220" s="97">
        <v>0.10232737743838384</v>
      </c>
    </row>
    <row r="221" spans="1:46">
      <c r="A221" s="45" t="s">
        <v>445</v>
      </c>
      <c r="B221" s="198">
        <v>122</v>
      </c>
      <c r="C221" s="204">
        <v>0.124</v>
      </c>
      <c r="D221" s="94">
        <v>6.1064050096400702E-2</v>
      </c>
      <c r="E221" s="204">
        <v>0.111</v>
      </c>
      <c r="F221" s="94">
        <v>5.8590366953563677E-2</v>
      </c>
      <c r="G221" s="204">
        <v>0.74099999999999999</v>
      </c>
      <c r="H221" s="94">
        <v>7.8790086375065835E-2</v>
      </c>
      <c r="I221" s="204">
        <v>2.3E-2</v>
      </c>
      <c r="J221" s="94">
        <v>3.4127668610970392E-2</v>
      </c>
      <c r="K221" s="198">
        <v>123</v>
      </c>
      <c r="L221" s="204">
        <v>0.17632173325733866</v>
      </c>
      <c r="M221" s="94">
        <v>6.9129112363235934E-2</v>
      </c>
      <c r="N221" s="204">
        <v>0.55572480854146855</v>
      </c>
      <c r="O221" s="94">
        <v>8.8217210787786493E-2</v>
      </c>
      <c r="P221" s="204">
        <v>0.19442313408851117</v>
      </c>
      <c r="Q221" s="94">
        <v>7.1521634477987039E-2</v>
      </c>
      <c r="R221" s="204">
        <v>7.3530324112681636E-2</v>
      </c>
      <c r="S221" s="94">
        <v>5.0007865188402709E-2</v>
      </c>
      <c r="T221" s="198">
        <v>122</v>
      </c>
      <c r="U221" s="204">
        <v>0.53218354824225234</v>
      </c>
      <c r="V221" s="94">
        <v>8.8913894357754208E-2</v>
      </c>
      <c r="W221" s="204">
        <v>0.27042609602829804</v>
      </c>
      <c r="X221" s="94">
        <v>7.9799153388311755E-2</v>
      </c>
      <c r="Y221" s="204">
        <v>2.5023722066135408E-2</v>
      </c>
      <c r="Z221" s="94">
        <v>3.4957632800360447E-2</v>
      </c>
      <c r="AA221" s="204">
        <v>0.1723666336633142</v>
      </c>
      <c r="AB221" s="94">
        <v>6.8860029030529027E-2</v>
      </c>
      <c r="AC221" s="198">
        <v>123</v>
      </c>
      <c r="AD221" s="204">
        <v>0.45100000000000001</v>
      </c>
      <c r="AE221" s="94">
        <v>8.8335056897551653E-2</v>
      </c>
      <c r="AF221" s="204">
        <v>0.29300000000000004</v>
      </c>
      <c r="AG221" s="94">
        <v>8.129031153849009E-2</v>
      </c>
      <c r="AH221" s="204">
        <v>9.6000000000000002E-2</v>
      </c>
      <c r="AI221" s="94">
        <v>5.5245596892657137E-2</v>
      </c>
      <c r="AJ221" s="204">
        <v>0.16</v>
      </c>
      <c r="AK221" s="94">
        <v>6.67743206651851E-2</v>
      </c>
      <c r="AL221" s="198">
        <v>119</v>
      </c>
      <c r="AM221" s="204">
        <v>0.122</v>
      </c>
      <c r="AN221" s="94">
        <v>6.1487828986459402E-2</v>
      </c>
      <c r="AO221" s="204">
        <v>0.30099999999999999</v>
      </c>
      <c r="AP221" s="94">
        <v>8.3214444084256406E-2</v>
      </c>
      <c r="AQ221" s="204">
        <v>7.3999999999999996E-2</v>
      </c>
      <c r="AR221" s="94">
        <v>5.1049280580144546E-2</v>
      </c>
      <c r="AS221" s="204">
        <v>0.504</v>
      </c>
      <c r="AT221" s="94">
        <v>9.0164262696582106E-2</v>
      </c>
    </row>
    <row r="222" spans="1:46">
      <c r="A222" s="49" t="s">
        <v>453</v>
      </c>
      <c r="B222" s="201">
        <v>952</v>
      </c>
      <c r="C222" s="205">
        <v>0.13200000000000001</v>
      </c>
      <c r="D222" s="97">
        <v>2.200293670046578E-2</v>
      </c>
      <c r="E222" s="205">
        <v>0.13600000000000001</v>
      </c>
      <c r="F222" s="97">
        <v>2.2277297069697475E-2</v>
      </c>
      <c r="G222" s="205">
        <v>0.72499999999999998</v>
      </c>
      <c r="H222" s="97">
        <v>2.8913212648409511E-2</v>
      </c>
      <c r="I222" s="205">
        <v>7.0000000000000001E-3</v>
      </c>
      <c r="J222" s="97">
        <v>6.1299142561104178E-3</v>
      </c>
      <c r="K222" s="201">
        <v>955</v>
      </c>
      <c r="L222" s="205">
        <v>0.26846469139145168</v>
      </c>
      <c r="M222" s="97">
        <v>2.8653310267736019E-2</v>
      </c>
      <c r="N222" s="205">
        <v>0.42243382624297476</v>
      </c>
      <c r="O222" s="97">
        <v>3.1904025386159038E-2</v>
      </c>
      <c r="P222" s="205">
        <v>0.24141492539559009</v>
      </c>
      <c r="Q222" s="97">
        <v>2.7679861760467977E-2</v>
      </c>
      <c r="R222" s="205">
        <v>6.7686556969981188E-2</v>
      </c>
      <c r="S222" s="97">
        <v>1.6422588928884721E-2</v>
      </c>
      <c r="T222" s="201">
        <v>957</v>
      </c>
      <c r="U222" s="205">
        <v>0.47070571645277626</v>
      </c>
      <c r="V222" s="97">
        <v>3.2203112803469908E-2</v>
      </c>
      <c r="W222" s="205">
        <v>0.29031007455597813</v>
      </c>
      <c r="X222" s="97">
        <v>2.9310168610060246E-2</v>
      </c>
      <c r="Y222" s="205">
        <v>9.0348853480658811E-2</v>
      </c>
      <c r="Z222" s="97">
        <v>1.8651748595140294E-2</v>
      </c>
      <c r="AA222" s="205">
        <v>0.1486353555105859</v>
      </c>
      <c r="AB222" s="97">
        <v>2.3043052176149815E-2</v>
      </c>
      <c r="AC222" s="201">
        <v>960</v>
      </c>
      <c r="AD222" s="205">
        <v>0.40200000000000002</v>
      </c>
      <c r="AE222" s="97">
        <v>3.1588349123870159E-2</v>
      </c>
      <c r="AF222" s="205">
        <v>0.34299999999999997</v>
      </c>
      <c r="AG222" s="97">
        <v>3.059270189503828E-2</v>
      </c>
      <c r="AH222" s="205">
        <v>9.1999999999999998E-2</v>
      </c>
      <c r="AI222" s="97">
        <v>1.8770792390272198E-2</v>
      </c>
      <c r="AJ222" s="205">
        <v>0.16300000000000001</v>
      </c>
      <c r="AK222" s="97">
        <v>2.3874805377960107E-2</v>
      </c>
      <c r="AL222" s="201">
        <v>951</v>
      </c>
      <c r="AM222" s="205">
        <v>0.255</v>
      </c>
      <c r="AN222" s="97">
        <v>2.824550368212337E-2</v>
      </c>
      <c r="AO222" s="205">
        <v>0.31899999999999995</v>
      </c>
      <c r="AP222" s="97">
        <v>3.0183582303307543E-2</v>
      </c>
      <c r="AQ222" s="205">
        <v>0.127</v>
      </c>
      <c r="AR222" s="97">
        <v>2.1662237052060065E-2</v>
      </c>
      <c r="AS222" s="205">
        <v>0.29899999999999999</v>
      </c>
      <c r="AT222" s="97">
        <v>2.9653265285624879E-2</v>
      </c>
    </row>
    <row r="223" spans="1:46">
      <c r="A223" s="45" t="s">
        <v>446</v>
      </c>
      <c r="B223" s="198">
        <v>103</v>
      </c>
      <c r="C223" s="204">
        <v>5.6000000000000001E-2</v>
      </c>
      <c r="D223" s="94">
        <v>5.0168926689882827E-2</v>
      </c>
      <c r="E223" s="204">
        <v>0.12</v>
      </c>
      <c r="F223" s="94">
        <v>6.5906890538875218E-2</v>
      </c>
      <c r="G223" s="204">
        <v>0.82399999999999995</v>
      </c>
      <c r="H223" s="94">
        <v>7.5560452676195197E-2</v>
      </c>
      <c r="I223" s="204">
        <v>0</v>
      </c>
      <c r="J223" s="94">
        <v>2.6185687246820841E-2</v>
      </c>
      <c r="K223" s="198">
        <v>102</v>
      </c>
      <c r="L223" s="204">
        <v>8.2653191418598448E-2</v>
      </c>
      <c r="M223" s="94">
        <v>5.7860974848778633E-2</v>
      </c>
      <c r="N223" s="204">
        <v>0.2633896120319536</v>
      </c>
      <c r="O223" s="94">
        <v>8.6474130973010668E-2</v>
      </c>
      <c r="P223" s="204">
        <v>0.51864453077124439</v>
      </c>
      <c r="Q223" s="94">
        <v>9.7066038952693959E-2</v>
      </c>
      <c r="R223" s="204">
        <v>0.13531266577820308</v>
      </c>
      <c r="S223" s="94">
        <v>6.918699292729738E-2</v>
      </c>
      <c r="T223" s="198">
        <v>104</v>
      </c>
      <c r="U223" s="204">
        <v>0.26286456226220412</v>
      </c>
      <c r="V223" s="94">
        <v>8.5603537070727459E-2</v>
      </c>
      <c r="W223" s="204">
        <v>0.25887015416789944</v>
      </c>
      <c r="X223" s="94">
        <v>8.5219449384796683E-2</v>
      </c>
      <c r="Y223" s="204">
        <v>0.10702266381663902</v>
      </c>
      <c r="Z223" s="94">
        <v>6.2892124175956091E-2</v>
      </c>
      <c r="AA223" s="204">
        <v>0.37124261975325695</v>
      </c>
      <c r="AB223" s="94">
        <v>9.3219539747548402E-2</v>
      </c>
      <c r="AC223" s="198">
        <v>105</v>
      </c>
      <c r="AD223" s="204">
        <v>0.183</v>
      </c>
      <c r="AE223" s="94">
        <v>7.5844121196089034E-2</v>
      </c>
      <c r="AF223" s="204">
        <v>0.26400000000000001</v>
      </c>
      <c r="AG223" s="94">
        <v>8.530931839402886E-2</v>
      </c>
      <c r="AH223" s="204">
        <v>0.16900000000000001</v>
      </c>
      <c r="AI223" s="94">
        <v>7.3779395902819081E-2</v>
      </c>
      <c r="AJ223" s="204">
        <v>0.38400000000000001</v>
      </c>
      <c r="AK223" s="94">
        <v>9.3360006622621117E-2</v>
      </c>
      <c r="AL223" s="198">
        <v>103</v>
      </c>
      <c r="AM223" s="204">
        <v>0.106</v>
      </c>
      <c r="AN223" s="94">
        <v>6.29948780862504E-2</v>
      </c>
      <c r="AO223" s="204">
        <v>0.22099999999999997</v>
      </c>
      <c r="AP223" s="94">
        <v>8.1543544906310786E-2</v>
      </c>
      <c r="AQ223" s="204">
        <v>0.09</v>
      </c>
      <c r="AR223" s="94">
        <v>5.9352677653368241E-2</v>
      </c>
      <c r="AS223" s="204">
        <v>0.58399999999999996</v>
      </c>
      <c r="AT223" s="94">
        <v>9.5401109072493356E-2</v>
      </c>
    </row>
    <row r="224" spans="1:46">
      <c r="A224" s="49" t="s">
        <v>447</v>
      </c>
      <c r="B224" s="201">
        <v>198</v>
      </c>
      <c r="C224" s="205">
        <v>0.32200000000000001</v>
      </c>
      <c r="D224" s="97">
        <v>6.5937021858046049E-2</v>
      </c>
      <c r="E224" s="205">
        <v>0.187</v>
      </c>
      <c r="F224" s="97">
        <v>5.5557043193883229E-2</v>
      </c>
      <c r="G224" s="205">
        <v>0.48199999999999998</v>
      </c>
      <c r="H224" s="97">
        <v>7.0315935497489712E-2</v>
      </c>
      <c r="I224" s="205">
        <v>8.9999999999999993E-3</v>
      </c>
      <c r="J224" s="97">
        <v>1.9073713223915635E-2</v>
      </c>
      <c r="K224" s="201">
        <v>198</v>
      </c>
      <c r="L224" s="205">
        <v>0.61600232285065393</v>
      </c>
      <c r="M224" s="97">
        <v>6.8516257631383595E-2</v>
      </c>
      <c r="N224" s="205">
        <v>0.31990263536369667</v>
      </c>
      <c r="O224" s="97">
        <v>6.5828576918851328E-2</v>
      </c>
      <c r="P224" s="205">
        <v>4.9480956972385241E-2</v>
      </c>
      <c r="Q224" s="97">
        <v>3.2999045231741866E-2</v>
      </c>
      <c r="R224" s="205">
        <v>1.461408481326581E-2</v>
      </c>
      <c r="S224" s="97">
        <v>2.1635505828511523E-2</v>
      </c>
      <c r="T224" s="201">
        <v>197</v>
      </c>
      <c r="U224" s="205">
        <v>0.73711242297907276</v>
      </c>
      <c r="V224" s="97">
        <v>6.245286966306119E-2</v>
      </c>
      <c r="W224" s="205">
        <v>0.17767079540916769</v>
      </c>
      <c r="X224" s="97">
        <v>5.4671867252487585E-2</v>
      </c>
      <c r="Y224" s="205">
        <v>3.7108916103446687E-2</v>
      </c>
      <c r="Z224" s="97">
        <v>2.9649720801783064E-2</v>
      </c>
      <c r="AA224" s="205">
        <v>4.8107865508314161E-2</v>
      </c>
      <c r="AB224" s="97">
        <v>3.2732976317083995E-2</v>
      </c>
      <c r="AC224" s="201">
        <v>198</v>
      </c>
      <c r="AD224" s="205">
        <v>0.68700000000000006</v>
      </c>
      <c r="AE224" s="97">
        <v>6.5461378365160486E-2</v>
      </c>
      <c r="AF224" s="205">
        <v>0.247</v>
      </c>
      <c r="AG224" s="97">
        <v>6.1095755194881265E-2</v>
      </c>
      <c r="AH224" s="205">
        <v>3.7999999999999999E-2</v>
      </c>
      <c r="AI224" s="97">
        <v>2.9826406135272591E-2</v>
      </c>
      <c r="AJ224" s="205">
        <v>2.9000000000000001E-2</v>
      </c>
      <c r="AK224" s="97">
        <v>2.7015871475878264E-2</v>
      </c>
      <c r="AL224" s="201">
        <v>195</v>
      </c>
      <c r="AM224" s="205">
        <v>0.497</v>
      </c>
      <c r="AN224" s="97">
        <v>7.0886895284465817E-2</v>
      </c>
      <c r="AO224" s="205">
        <v>0.31900000000000001</v>
      </c>
      <c r="AP224" s="97">
        <v>6.6278351467203414E-2</v>
      </c>
      <c r="AQ224" s="205">
        <v>4.9000000000000002E-2</v>
      </c>
      <c r="AR224" s="97">
        <v>3.3156775299541925E-2</v>
      </c>
      <c r="AS224" s="205">
        <v>0.13500000000000001</v>
      </c>
      <c r="AT224" s="97">
        <v>4.9535927162184856E-2</v>
      </c>
    </row>
    <row r="225" spans="1:46">
      <c r="A225" s="57" t="s">
        <v>448</v>
      </c>
      <c r="B225" s="198">
        <v>237</v>
      </c>
      <c r="C225" s="204">
        <v>4.3999999999999997E-2</v>
      </c>
      <c r="D225" s="94">
        <v>2.8491582268747099E-2</v>
      </c>
      <c r="E225" s="204">
        <v>8.4000000000000005E-2</v>
      </c>
      <c r="F225" s="94">
        <v>3.7035572112399683E-2</v>
      </c>
      <c r="G225" s="204">
        <v>0.86399999999999999</v>
      </c>
      <c r="H225" s="94">
        <v>4.4974074195473994E-2</v>
      </c>
      <c r="I225" s="204">
        <v>7.0000000000000001E-3</v>
      </c>
      <c r="J225" s="94">
        <v>1.5753317296927655E-2</v>
      </c>
      <c r="K225" s="198">
        <v>240</v>
      </c>
      <c r="L225" s="204">
        <v>0.13257724429195938</v>
      </c>
      <c r="M225" s="94">
        <v>4.4240484882850387E-2</v>
      </c>
      <c r="N225" s="204">
        <v>0.50702897293271276</v>
      </c>
      <c r="O225" s="94">
        <v>6.4012319529675316E-2</v>
      </c>
      <c r="P225" s="204">
        <v>0.281722804833623</v>
      </c>
      <c r="Q225" s="94">
        <v>5.7816043878541092E-2</v>
      </c>
      <c r="R225" s="204">
        <v>7.8670977941707063E-2</v>
      </c>
      <c r="S225" s="94">
        <v>3.5817024779654316E-2</v>
      </c>
      <c r="T225" s="198">
        <v>239</v>
      </c>
      <c r="U225" s="204">
        <v>0.42311886633121581</v>
      </c>
      <c r="V225" s="94">
        <v>6.3412203125831207E-2</v>
      </c>
      <c r="W225" s="204">
        <v>0.38411747780955463</v>
      </c>
      <c r="X225" s="94">
        <v>6.2461142018953433E-2</v>
      </c>
      <c r="Y225" s="204">
        <v>5.1908613369664749E-2</v>
      </c>
      <c r="Z225" s="94">
        <v>3.0298905734169775E-2</v>
      </c>
      <c r="AA225" s="204">
        <v>0.14085504248956698</v>
      </c>
      <c r="AB225" s="94">
        <v>4.5401976457164768E-2</v>
      </c>
      <c r="AC225" s="198">
        <v>239</v>
      </c>
      <c r="AD225" s="204">
        <v>0.313</v>
      </c>
      <c r="AE225" s="94">
        <v>5.965232154599609E-2</v>
      </c>
      <c r="AF225" s="204">
        <v>0.45999999999999996</v>
      </c>
      <c r="AG225" s="94">
        <v>6.3951144078527755E-2</v>
      </c>
      <c r="AH225" s="204">
        <v>6.4000000000000001E-2</v>
      </c>
      <c r="AI225" s="94">
        <v>3.2988536691486312E-2</v>
      </c>
      <c r="AJ225" s="204">
        <v>0.16400000000000001</v>
      </c>
      <c r="AK225" s="94">
        <v>4.814076586402425E-2</v>
      </c>
      <c r="AL225" s="198">
        <v>238</v>
      </c>
      <c r="AM225" s="204">
        <v>0.159</v>
      </c>
      <c r="AN225" s="94">
        <v>4.7678543332371613E-2</v>
      </c>
      <c r="AO225" s="204">
        <v>0.43099999999999999</v>
      </c>
      <c r="AP225" s="94">
        <v>6.3687653058095886E-2</v>
      </c>
      <c r="AQ225" s="204">
        <v>0.10300000000000001</v>
      </c>
      <c r="AR225" s="94">
        <v>4.0156338126357098E-2</v>
      </c>
      <c r="AS225" s="204">
        <v>0.30599999999999999</v>
      </c>
      <c r="AT225" s="94">
        <v>5.9418376951317194E-2</v>
      </c>
    </row>
    <row r="226" spans="1:46">
      <c r="A226" s="49" t="s">
        <v>449</v>
      </c>
      <c r="B226" s="201">
        <v>123</v>
      </c>
      <c r="C226" s="205">
        <v>6.7000000000000004E-2</v>
      </c>
      <c r="D226" s="97">
        <v>4.832154155147847E-2</v>
      </c>
      <c r="E226" s="205">
        <v>8.8999999999999996E-2</v>
      </c>
      <c r="F226" s="97">
        <v>5.369852354932883E-2</v>
      </c>
      <c r="G226" s="205">
        <v>0.83599999999999997</v>
      </c>
      <c r="H226" s="97">
        <v>6.7369837405909253E-2</v>
      </c>
      <c r="I226" s="205">
        <v>7.0000000000000001E-3</v>
      </c>
      <c r="J226" s="97">
        <v>2.6335251150684826E-2</v>
      </c>
      <c r="K226" s="201">
        <v>122</v>
      </c>
      <c r="L226" s="205">
        <v>7.2003284454952965E-2</v>
      </c>
      <c r="M226" s="97">
        <v>4.9845714723571202E-2</v>
      </c>
      <c r="N226" s="205">
        <v>0.40181213173442437</v>
      </c>
      <c r="O226" s="97">
        <v>8.7461836448847613E-2</v>
      </c>
      <c r="P226" s="205">
        <v>0.44071292301215992</v>
      </c>
      <c r="Q226" s="97">
        <v>8.8497990649895511E-2</v>
      </c>
      <c r="R226" s="205">
        <v>8.5471660798463411E-2</v>
      </c>
      <c r="S226" s="97">
        <v>5.3125535403800918E-2</v>
      </c>
      <c r="T226" s="201">
        <v>123</v>
      </c>
      <c r="U226" s="205">
        <v>0.22795363679394234</v>
      </c>
      <c r="V226" s="97">
        <v>7.5415772972708073E-2</v>
      </c>
      <c r="W226" s="205">
        <v>0.43402907201864205</v>
      </c>
      <c r="X226" s="97">
        <v>8.8008172728571088E-2</v>
      </c>
      <c r="Y226" s="205">
        <v>0.13211856262567689</v>
      </c>
      <c r="Z226" s="97">
        <v>6.2255289359192473E-2</v>
      </c>
      <c r="AA226" s="205">
        <v>0.20589872856173955</v>
      </c>
      <c r="AB226" s="97">
        <v>7.2929083761612556E-2</v>
      </c>
      <c r="AC226" s="201">
        <v>123</v>
      </c>
      <c r="AD226" s="205">
        <v>0.247</v>
      </c>
      <c r="AE226" s="97">
        <v>7.7349715285273124E-2</v>
      </c>
      <c r="AF226" s="205">
        <v>0.38700000000000001</v>
      </c>
      <c r="AG226" s="97">
        <v>8.658393216822681E-2</v>
      </c>
      <c r="AH226" s="205">
        <v>0.185</v>
      </c>
      <c r="AI226" s="97">
        <v>7.0303495573743616E-2</v>
      </c>
      <c r="AJ226" s="205">
        <v>0.18099999999999999</v>
      </c>
      <c r="AK226" s="97">
        <v>6.9768615243676252E-2</v>
      </c>
      <c r="AL226" s="201">
        <v>123</v>
      </c>
      <c r="AM226" s="205">
        <v>8.5999999999999993E-2</v>
      </c>
      <c r="AN226" s="97">
        <v>5.3013316779886674E-2</v>
      </c>
      <c r="AO226" s="205">
        <v>0.29299999999999998</v>
      </c>
      <c r="AP226" s="97">
        <v>8.129031153849009E-2</v>
      </c>
      <c r="AQ226" s="205">
        <v>0.25</v>
      </c>
      <c r="AR226" s="97">
        <v>7.7637357626422904E-2</v>
      </c>
      <c r="AS226" s="205">
        <v>0.372</v>
      </c>
      <c r="AT226" s="97">
        <v>8.5964982805282072E-2</v>
      </c>
    </row>
    <row r="227" spans="1:46">
      <c r="A227" s="57" t="s">
        <v>450</v>
      </c>
      <c r="B227" s="198">
        <v>124</v>
      </c>
      <c r="C227" s="204">
        <v>0.1</v>
      </c>
      <c r="D227" s="94">
        <v>5.5858009161623368E-2</v>
      </c>
      <c r="E227" s="204">
        <v>0.125</v>
      </c>
      <c r="F227" s="94">
        <v>6.0731667346625447E-2</v>
      </c>
      <c r="G227" s="204">
        <v>0.76700000000000002</v>
      </c>
      <c r="H227" s="94">
        <v>7.5642445164722474E-2</v>
      </c>
      <c r="I227" s="204">
        <v>7.0000000000000001E-3</v>
      </c>
      <c r="J227" s="94">
        <v>2.6163076296171612E-2</v>
      </c>
      <c r="K227" s="198">
        <v>126</v>
      </c>
      <c r="L227" s="204">
        <v>0.17561848502407343</v>
      </c>
      <c r="M227" s="94">
        <v>6.8197066737032783E-2</v>
      </c>
      <c r="N227" s="204">
        <v>0.48522182481893505</v>
      </c>
      <c r="O227" s="94">
        <v>8.7669806824946336E-2</v>
      </c>
      <c r="P227" s="204">
        <v>0.25766616314878682</v>
      </c>
      <c r="Q227" s="94">
        <v>7.7426412061646868E-2</v>
      </c>
      <c r="R227" s="204">
        <v>8.1493527008205419E-2</v>
      </c>
      <c r="S227" s="94">
        <v>5.1280474560826197E-2</v>
      </c>
      <c r="T227" s="198">
        <v>127</v>
      </c>
      <c r="U227" s="204">
        <v>0.34627551574059845</v>
      </c>
      <c r="V227" s="94">
        <v>8.3399137457553604E-2</v>
      </c>
      <c r="W227" s="204">
        <v>0.22060508014433983</v>
      </c>
      <c r="X227" s="94">
        <v>7.3439555904694157E-2</v>
      </c>
      <c r="Y227" s="204">
        <v>0.17583047642034755</v>
      </c>
      <c r="Z227" s="94">
        <v>6.7954542920539249E-2</v>
      </c>
      <c r="AA227" s="204">
        <v>0.25728892769471517</v>
      </c>
      <c r="AB227" s="94">
        <v>7.709098179735388E-2</v>
      </c>
      <c r="AC227" s="198">
        <v>127</v>
      </c>
      <c r="AD227" s="204">
        <v>0.29299999999999998</v>
      </c>
      <c r="AE227" s="94">
        <v>8.0024382296796481E-2</v>
      </c>
      <c r="AF227" s="204">
        <v>0.25800000000000001</v>
      </c>
      <c r="AG227" s="94">
        <v>7.7155108083313981E-2</v>
      </c>
      <c r="AH227" s="204">
        <v>0.16700000000000001</v>
      </c>
      <c r="AI227" s="94">
        <v>6.6717922868918908E-2</v>
      </c>
      <c r="AJ227" s="204">
        <v>0.28199999999999997</v>
      </c>
      <c r="AK227" s="94">
        <v>7.9181677302211304E-2</v>
      </c>
      <c r="AL227" s="198">
        <v>125</v>
      </c>
      <c r="AM227" s="204">
        <v>0.10100000000000001</v>
      </c>
      <c r="AN227" s="94">
        <v>5.5828880733283792E-2</v>
      </c>
      <c r="AO227" s="204">
        <v>0.24</v>
      </c>
      <c r="AP227" s="94">
        <v>7.6051237719702028E-2</v>
      </c>
      <c r="AQ227" s="204">
        <v>0.221</v>
      </c>
      <c r="AR227" s="94">
        <v>7.4065026158314964E-2</v>
      </c>
      <c r="AS227" s="204">
        <v>0.437</v>
      </c>
      <c r="AT227" s="94">
        <v>8.7386395517210516E-2</v>
      </c>
    </row>
    <row r="228" spans="1:46">
      <c r="A228" s="49" t="s">
        <v>451</v>
      </c>
      <c r="B228" s="201">
        <v>167</v>
      </c>
      <c r="C228" s="205">
        <v>8.6999999999999994E-2</v>
      </c>
      <c r="D228" s="97">
        <v>4.5194189151684792E-2</v>
      </c>
      <c r="E228" s="205">
        <v>0.20100000000000001</v>
      </c>
      <c r="F228" s="97">
        <v>6.2075710189911044E-2</v>
      </c>
      <c r="G228" s="205">
        <v>0.70499999999999996</v>
      </c>
      <c r="H228" s="97">
        <v>7.0073993768114642E-2</v>
      </c>
      <c r="I228" s="205">
        <v>7.0000000000000001E-3</v>
      </c>
      <c r="J228" s="97">
        <v>2.0626856194881187E-2</v>
      </c>
      <c r="K228" s="201">
        <v>167</v>
      </c>
      <c r="L228" s="205">
        <v>0.25513936227897643</v>
      </c>
      <c r="M228" s="97">
        <v>6.7158789658019469E-2</v>
      </c>
      <c r="N228" s="205">
        <v>0.45345368000057545</v>
      </c>
      <c r="O228" s="97">
        <v>7.6155214560867171E-2</v>
      </c>
      <c r="P228" s="205">
        <v>0.21002928159876511</v>
      </c>
      <c r="Q228" s="97">
        <v>6.3024117282361375E-2</v>
      </c>
      <c r="R228" s="205">
        <v>8.1377676121683867E-2</v>
      </c>
      <c r="S228" s="97">
        <v>4.4024990309937534E-2</v>
      </c>
      <c r="T228" s="201">
        <v>167</v>
      </c>
      <c r="U228" s="205">
        <v>0.50178366519904061</v>
      </c>
      <c r="V228" s="97">
        <v>7.6471447201846718E-2</v>
      </c>
      <c r="W228" s="205">
        <v>0.27609714609772928</v>
      </c>
      <c r="X228" s="97">
        <v>6.8771247260845214E-2</v>
      </c>
      <c r="Y228" s="205">
        <v>0.13103483667447036</v>
      </c>
      <c r="Z228" s="97">
        <v>5.3016409398806176E-2</v>
      </c>
      <c r="AA228" s="205">
        <v>9.1084352028760709E-2</v>
      </c>
      <c r="AB228" s="97">
        <v>4.6015324743396001E-2</v>
      </c>
      <c r="AC228" s="201">
        <v>168</v>
      </c>
      <c r="AD228" s="205">
        <v>0.40400000000000003</v>
      </c>
      <c r="AE228" s="97">
        <v>7.4896466033769191E-2</v>
      </c>
      <c r="AF228" s="205">
        <v>0.36499999999999999</v>
      </c>
      <c r="AG228" s="97">
        <v>7.354998580925963E-2</v>
      </c>
      <c r="AH228" s="205">
        <v>6.5000000000000002E-2</v>
      </c>
      <c r="AI228" s="97">
        <v>4.0195401706373701E-2</v>
      </c>
      <c r="AJ228" s="205">
        <v>0.16500000000000001</v>
      </c>
      <c r="AK228" s="97">
        <v>5.7654559204056877E-2</v>
      </c>
      <c r="AL228" s="201">
        <v>167</v>
      </c>
      <c r="AM228" s="205">
        <v>0.374</v>
      </c>
      <c r="AN228" s="97">
        <v>7.4119872856850552E-2</v>
      </c>
      <c r="AO228" s="205">
        <v>0.246</v>
      </c>
      <c r="AP228" s="97">
        <v>6.6397172970923887E-2</v>
      </c>
      <c r="AQ228" s="205">
        <v>0.13200000000000001</v>
      </c>
      <c r="AR228" s="97">
        <v>5.3165860928889114E-2</v>
      </c>
      <c r="AS228" s="205">
        <v>0.249</v>
      </c>
      <c r="AT228" s="97">
        <v>6.6651216194222804E-2</v>
      </c>
    </row>
    <row r="229" spans="1:46">
      <c r="A229" s="57" t="s">
        <v>457</v>
      </c>
      <c r="B229" s="198">
        <v>130</v>
      </c>
      <c r="C229" s="204">
        <v>0.104</v>
      </c>
      <c r="D229" s="94">
        <v>5.5289311180636513E-2</v>
      </c>
      <c r="E229" s="204">
        <v>0.17100000000000001</v>
      </c>
      <c r="F229" s="94">
        <v>6.6495359340909693E-2</v>
      </c>
      <c r="G229" s="204">
        <v>0.69499999999999995</v>
      </c>
      <c r="H229" s="94">
        <v>7.9964780760414508E-2</v>
      </c>
      <c r="I229" s="204">
        <v>2.9000000000000001E-2</v>
      </c>
      <c r="J229" s="94">
        <v>3.5071595684797931E-2</v>
      </c>
      <c r="K229" s="198">
        <v>130</v>
      </c>
      <c r="L229" s="204">
        <v>0.13544493009516448</v>
      </c>
      <c r="M229" s="94">
        <v>6.1064079388771612E-2</v>
      </c>
      <c r="N229" s="204">
        <v>0.53528983871528435</v>
      </c>
      <c r="O229" s="94">
        <v>8.6184091093979828E-2</v>
      </c>
      <c r="P229" s="204">
        <v>0.25574043671374247</v>
      </c>
      <c r="Q229" s="94">
        <v>7.6068715308392112E-2</v>
      </c>
      <c r="R229" s="204">
        <v>7.3524794475809618E-2</v>
      </c>
      <c r="S229" s="94">
        <v>4.8504624800639766E-2</v>
      </c>
      <c r="T229" s="198">
        <v>130</v>
      </c>
      <c r="U229" s="204">
        <v>0.14618775087294955</v>
      </c>
      <c r="V229" s="94">
        <v>6.2814335323388648E-2</v>
      </c>
      <c r="W229" s="204">
        <v>0.37405195570643524</v>
      </c>
      <c r="X229" s="94">
        <v>8.3767623606536987E-2</v>
      </c>
      <c r="Y229" s="204">
        <v>0.31807215904053188</v>
      </c>
      <c r="Z229" s="94">
        <v>8.0825729761691847E-2</v>
      </c>
      <c r="AA229" s="204">
        <v>0.16168813438008428</v>
      </c>
      <c r="AB229" s="94">
        <v>6.5169405886780177E-2</v>
      </c>
      <c r="AC229" s="198">
        <v>130</v>
      </c>
      <c r="AD229" s="204">
        <v>0.14499999999999999</v>
      </c>
      <c r="AE229" s="94">
        <v>6.2625774073134563E-2</v>
      </c>
      <c r="AF229" s="204">
        <v>0.38800000000000001</v>
      </c>
      <c r="AG229" s="94">
        <v>8.4322359064056635E-2</v>
      </c>
      <c r="AH229" s="204">
        <v>0.28100000000000003</v>
      </c>
      <c r="AI229" s="94">
        <v>7.8199821890979931E-2</v>
      </c>
      <c r="AJ229" s="204">
        <v>0.186</v>
      </c>
      <c r="AK229" s="94">
        <v>6.8502635903325837E-2</v>
      </c>
      <c r="AL229" s="198">
        <v>130</v>
      </c>
      <c r="AM229" s="204">
        <v>9.5000000000000001E-2</v>
      </c>
      <c r="AN229" s="94">
        <v>5.3426300203511766E-2</v>
      </c>
      <c r="AO229" s="204">
        <v>0.38</v>
      </c>
      <c r="AP229" s="94">
        <v>8.4012591474007151E-2</v>
      </c>
      <c r="AQ229" s="204">
        <v>0.28000000000000003</v>
      </c>
      <c r="AR229" s="94">
        <v>7.8120921308399538E-2</v>
      </c>
      <c r="AS229" s="204">
        <v>0.24399999999999999</v>
      </c>
      <c r="AT229" s="94">
        <v>7.4976254956486729E-2</v>
      </c>
    </row>
    <row r="230" spans="1:46">
      <c r="A230" s="49" t="s">
        <v>460</v>
      </c>
      <c r="B230" s="201">
        <v>195</v>
      </c>
      <c r="C230" s="205">
        <v>0.11700000000000001</v>
      </c>
      <c r="D230" s="97">
        <v>4.683956975971431E-2</v>
      </c>
      <c r="E230" s="205">
        <v>0.17599999999999999</v>
      </c>
      <c r="F230" s="97">
        <v>5.4763397384087163E-2</v>
      </c>
      <c r="G230" s="205">
        <v>0.66500000000000004</v>
      </c>
      <c r="H230" s="97">
        <v>6.7079563145196072E-2</v>
      </c>
      <c r="I230" s="205">
        <v>4.2000000000000003E-2</v>
      </c>
      <c r="J230" s="97">
        <v>3.1249996221733682E-2</v>
      </c>
      <c r="K230" s="201">
        <v>195</v>
      </c>
      <c r="L230" s="205">
        <v>0.30715860801882211</v>
      </c>
      <c r="M230" s="97">
        <v>6.563063379247025E-2</v>
      </c>
      <c r="N230" s="205">
        <v>0.3698876406661582</v>
      </c>
      <c r="O230" s="97">
        <v>6.8544744720325679E-2</v>
      </c>
      <c r="P230" s="205">
        <v>0.23006397803108275</v>
      </c>
      <c r="Q230" s="97">
        <v>6.0156307080841326E-2</v>
      </c>
      <c r="R230" s="205">
        <v>9.2889773283938173E-2</v>
      </c>
      <c r="S230" s="97">
        <v>4.2734934724728627E-2</v>
      </c>
      <c r="T230" s="201">
        <v>195</v>
      </c>
      <c r="U230" s="205">
        <v>0.22332126100827854</v>
      </c>
      <c r="V230" s="97">
        <v>5.9562117158289497E-2</v>
      </c>
      <c r="W230" s="205">
        <v>0.30122325945315248</v>
      </c>
      <c r="X230" s="97">
        <v>6.5287962545071299E-2</v>
      </c>
      <c r="Y230" s="205">
        <v>0.31289781511475528</v>
      </c>
      <c r="Z230" s="97">
        <v>6.5950484572901202E-2</v>
      </c>
      <c r="AA230" s="205">
        <v>0.16255766442381511</v>
      </c>
      <c r="AB230" s="97">
        <v>5.3173508615546421E-2</v>
      </c>
      <c r="AC230" s="201">
        <v>195</v>
      </c>
      <c r="AD230" s="205">
        <v>0.22500000000000001</v>
      </c>
      <c r="AE230" s="97">
        <v>5.9711979761655723E-2</v>
      </c>
      <c r="AF230" s="205">
        <v>0.32900000000000001</v>
      </c>
      <c r="AG230" s="97">
        <v>6.678890518714152E-2</v>
      </c>
      <c r="AH230" s="205">
        <v>0.27400000000000002</v>
      </c>
      <c r="AI230" s="97">
        <v>6.3555724022326177E-2</v>
      </c>
      <c r="AJ230" s="205">
        <v>0.17299999999999999</v>
      </c>
      <c r="AK230" s="97">
        <v>5.441815591218839E-2</v>
      </c>
      <c r="AL230" s="201">
        <v>194</v>
      </c>
      <c r="AM230" s="205">
        <v>0.17299999999999999</v>
      </c>
      <c r="AN230" s="97">
        <v>5.4559340986502655E-2</v>
      </c>
      <c r="AO230" s="205">
        <v>0.35399999999999998</v>
      </c>
      <c r="AP230" s="97">
        <v>6.8096270682798471E-2</v>
      </c>
      <c r="AQ230" s="205">
        <v>0.252</v>
      </c>
      <c r="AR230" s="97">
        <v>6.2110346409341967E-2</v>
      </c>
      <c r="AS230" s="205">
        <v>0.221</v>
      </c>
      <c r="AT230" s="97">
        <v>5.9505083784861829E-2</v>
      </c>
    </row>
    <row r="231" spans="1:46">
      <c r="A231" s="57" t="s">
        <v>458</v>
      </c>
      <c r="B231" s="198">
        <v>183</v>
      </c>
      <c r="C231" s="204">
        <v>0.13400000000000001</v>
      </c>
      <c r="D231" s="94">
        <v>5.1024466534061411E-2</v>
      </c>
      <c r="E231" s="204">
        <v>0.17100000000000001</v>
      </c>
      <c r="F231" s="94">
        <v>5.5948812654484849E-2</v>
      </c>
      <c r="G231" s="204">
        <v>0.66</v>
      </c>
      <c r="H231" s="94">
        <v>6.9449088640729711E-2</v>
      </c>
      <c r="I231" s="204">
        <v>3.5000000000000003E-2</v>
      </c>
      <c r="J231" s="94">
        <v>3.0301985970715057E-2</v>
      </c>
      <c r="K231" s="198">
        <v>182</v>
      </c>
      <c r="L231" s="204">
        <v>0.20709257710016579</v>
      </c>
      <c r="M231" s="94">
        <v>6.0081604055123979E-2</v>
      </c>
      <c r="N231" s="204">
        <v>0.36091191599045658</v>
      </c>
      <c r="O231" s="94">
        <v>7.055503796350758E-2</v>
      </c>
      <c r="P231" s="204">
        <v>0.27170767959081238</v>
      </c>
      <c r="Q231" s="94">
        <v>6.559899701345262E-2</v>
      </c>
      <c r="R231" s="204">
        <v>0.1602878273185665</v>
      </c>
      <c r="S231" s="94">
        <v>5.477341317662604E-2</v>
      </c>
      <c r="T231" s="198">
        <v>182</v>
      </c>
      <c r="U231" s="204">
        <v>0.22034552787514208</v>
      </c>
      <c r="V231" s="94">
        <v>6.1368082643343778E-2</v>
      </c>
      <c r="W231" s="204">
        <v>0.26633893832702304</v>
      </c>
      <c r="X231" s="94">
        <v>6.5208604412521645E-2</v>
      </c>
      <c r="Y231" s="204">
        <v>0.25791400622739979</v>
      </c>
      <c r="Z231" s="94">
        <v>6.4572696351456765E-2</v>
      </c>
      <c r="AA231" s="204">
        <v>0.25540152757043644</v>
      </c>
      <c r="AB231" s="94">
        <v>6.4377445932248922E-2</v>
      </c>
      <c r="AC231" s="198">
        <v>181</v>
      </c>
      <c r="AD231" s="204">
        <v>0.21299999999999999</v>
      </c>
      <c r="AE231" s="94">
        <v>6.0832849526756695E-2</v>
      </c>
      <c r="AF231" s="204">
        <v>0.29800000000000004</v>
      </c>
      <c r="AG231" s="94">
        <v>6.7534403108796381E-2</v>
      </c>
      <c r="AH231" s="204">
        <v>0.24199999999999999</v>
      </c>
      <c r="AI231" s="94">
        <v>6.3464537863480108E-2</v>
      </c>
      <c r="AJ231" s="204">
        <v>0.247</v>
      </c>
      <c r="AK231" s="94">
        <v>6.3879791314443088E-2</v>
      </c>
      <c r="AL231" s="198">
        <v>183</v>
      </c>
      <c r="AM231" s="204">
        <v>0.11</v>
      </c>
      <c r="AN231" s="94">
        <v>4.7242090994921493E-2</v>
      </c>
      <c r="AO231" s="204">
        <v>0.27100000000000002</v>
      </c>
      <c r="AP231" s="94">
        <v>6.5370760108928699E-2</v>
      </c>
      <c r="AQ231" s="204">
        <v>0.28600000000000003</v>
      </c>
      <c r="AR231" s="94">
        <v>6.6403761457203059E-2</v>
      </c>
      <c r="AS231" s="204">
        <v>0.33300000000000002</v>
      </c>
      <c r="AT231" s="94">
        <v>6.9110676445242436E-2</v>
      </c>
    </row>
    <row r="235" spans="1:46" ht="18.75">
      <c r="A235" s="321" t="s">
        <v>16</v>
      </c>
      <c r="B235" s="321"/>
      <c r="C235" s="321"/>
      <c r="D235" s="321"/>
    </row>
    <row r="236" spans="1:46" ht="87" customHeight="1">
      <c r="A236" s="387" t="s">
        <v>503</v>
      </c>
      <c r="B236" s="387"/>
      <c r="C236" s="387"/>
      <c r="D236" s="387"/>
    </row>
    <row r="237" spans="1:46" ht="38.25" customHeight="1">
      <c r="A237" s="371" t="s">
        <v>168</v>
      </c>
      <c r="B237" s="371"/>
      <c r="C237" s="371"/>
      <c r="D237" s="371"/>
    </row>
    <row r="238" spans="1:46" ht="40.5" customHeight="1">
      <c r="A238" s="37" t="s">
        <v>85</v>
      </c>
      <c r="B238" s="38" t="s">
        <v>86</v>
      </c>
      <c r="C238" s="39" t="s">
        <v>87</v>
      </c>
      <c r="D238" s="40" t="s">
        <v>88</v>
      </c>
    </row>
    <row r="239" spans="1:46" ht="72">
      <c r="A239" s="41"/>
      <c r="B239" s="42" t="s">
        <v>89</v>
      </c>
      <c r="C239" s="128" t="s">
        <v>169</v>
      </c>
      <c r="D239" s="44" t="s">
        <v>91</v>
      </c>
    </row>
    <row r="240" spans="1:46">
      <c r="A240" s="45" t="s">
        <v>436</v>
      </c>
      <c r="B240" s="206">
        <v>11010</v>
      </c>
      <c r="C240" s="84">
        <v>5.5</v>
      </c>
      <c r="D240" s="85">
        <v>1.9599999999999999E-2</v>
      </c>
    </row>
    <row r="241" spans="1:4">
      <c r="A241" s="49" t="s">
        <v>437</v>
      </c>
      <c r="B241" s="49">
        <v>8885</v>
      </c>
      <c r="C241" s="208">
        <v>5.61</v>
      </c>
      <c r="D241" s="209">
        <v>1.9599999999999999E-2</v>
      </c>
    </row>
    <row r="242" spans="1:4">
      <c r="A242" s="45" t="s">
        <v>438</v>
      </c>
      <c r="B242" s="53">
        <v>1962</v>
      </c>
      <c r="C242" s="84">
        <v>5.36</v>
      </c>
      <c r="D242" s="85">
        <v>5.8799999999999998E-2</v>
      </c>
    </row>
    <row r="243" spans="1:4">
      <c r="A243" s="49" t="s">
        <v>439</v>
      </c>
      <c r="B243" s="49">
        <v>3932</v>
      </c>
      <c r="C243" s="208">
        <v>5.44</v>
      </c>
      <c r="D243" s="209">
        <v>3.9199999999999999E-2</v>
      </c>
    </row>
    <row r="244" spans="1:4">
      <c r="A244" s="45" t="s">
        <v>440</v>
      </c>
      <c r="B244" s="53">
        <v>3302</v>
      </c>
      <c r="C244" s="84">
        <v>5.5</v>
      </c>
      <c r="D244" s="85">
        <v>3.9199999999999999E-2</v>
      </c>
    </row>
    <row r="245" spans="1:4">
      <c r="A245" s="49" t="s">
        <v>452</v>
      </c>
      <c r="B245" s="49">
        <v>580</v>
      </c>
      <c r="C245" s="208">
        <v>5.64</v>
      </c>
      <c r="D245" s="209">
        <v>7.8399999999999997E-2</v>
      </c>
    </row>
    <row r="246" spans="1:4">
      <c r="A246" s="45" t="s">
        <v>441</v>
      </c>
      <c r="B246" s="53">
        <v>149</v>
      </c>
      <c r="C246" s="84">
        <v>5.78</v>
      </c>
      <c r="D246" s="85">
        <v>0.15679999999999999</v>
      </c>
    </row>
    <row r="247" spans="1:4">
      <c r="A247" s="49" t="s">
        <v>442</v>
      </c>
      <c r="B247" s="49">
        <v>109</v>
      </c>
      <c r="C247" s="208">
        <v>6.24</v>
      </c>
      <c r="D247" s="209">
        <v>0.15679999999999999</v>
      </c>
    </row>
    <row r="248" spans="1:4">
      <c r="A248" s="45" t="s">
        <v>443</v>
      </c>
      <c r="B248" s="53">
        <v>122</v>
      </c>
      <c r="C248" s="84">
        <v>5.0599999999999996</v>
      </c>
      <c r="D248" s="85">
        <v>0.19600000000000001</v>
      </c>
    </row>
    <row r="249" spans="1:4">
      <c r="A249" s="49" t="s">
        <v>444</v>
      </c>
      <c r="B249" s="49">
        <v>82</v>
      </c>
      <c r="C249" s="208">
        <v>5.74</v>
      </c>
      <c r="D249" s="209">
        <v>0.19600000000000001</v>
      </c>
    </row>
    <row r="250" spans="1:4">
      <c r="A250" s="45" t="s">
        <v>445</v>
      </c>
      <c r="B250" s="206">
        <v>122</v>
      </c>
      <c r="C250" s="84">
        <v>5.61</v>
      </c>
      <c r="D250" s="85">
        <v>0.19600000000000001</v>
      </c>
    </row>
    <row r="251" spans="1:4">
      <c r="A251" s="49" t="s">
        <v>453</v>
      </c>
      <c r="B251" s="207">
        <v>962</v>
      </c>
      <c r="C251" s="208">
        <v>5.72</v>
      </c>
      <c r="D251" s="209">
        <v>5.8799999999999998E-2</v>
      </c>
    </row>
    <row r="252" spans="1:4">
      <c r="A252" s="45" t="s">
        <v>446</v>
      </c>
      <c r="B252" s="83">
        <v>104</v>
      </c>
      <c r="C252" s="84">
        <v>6.09</v>
      </c>
      <c r="D252" s="85">
        <v>0.1764</v>
      </c>
    </row>
    <row r="253" spans="1:4">
      <c r="A253" s="49" t="s">
        <v>447</v>
      </c>
      <c r="B253" s="207">
        <v>197</v>
      </c>
      <c r="C253" s="208">
        <v>5.34</v>
      </c>
      <c r="D253" s="209">
        <v>0.15679999999999999</v>
      </c>
    </row>
    <row r="254" spans="1:4">
      <c r="A254" s="57" t="s">
        <v>448</v>
      </c>
      <c r="B254" s="206">
        <v>242</v>
      </c>
      <c r="C254" s="84">
        <v>5.9</v>
      </c>
      <c r="D254" s="85">
        <v>9.8000000000000004E-2</v>
      </c>
    </row>
    <row r="255" spans="1:4">
      <c r="A255" s="49" t="s">
        <v>449</v>
      </c>
      <c r="B255" s="207">
        <v>124</v>
      </c>
      <c r="C255" s="208">
        <v>6.12</v>
      </c>
      <c r="D255" s="209">
        <v>0.13720000000000002</v>
      </c>
    </row>
    <row r="256" spans="1:4">
      <c r="A256" s="57" t="s">
        <v>450</v>
      </c>
      <c r="B256" s="206">
        <v>127</v>
      </c>
      <c r="C256" s="84">
        <v>5.57</v>
      </c>
      <c r="D256" s="85">
        <v>0.19600000000000001</v>
      </c>
    </row>
    <row r="257" spans="1:38">
      <c r="A257" s="49" t="s">
        <v>451</v>
      </c>
      <c r="B257" s="207">
        <v>168</v>
      </c>
      <c r="C257" s="208">
        <v>5.73</v>
      </c>
      <c r="D257" s="209">
        <v>0.15679999999999999</v>
      </c>
    </row>
    <row r="258" spans="1:38">
      <c r="A258" s="57" t="s">
        <v>457</v>
      </c>
      <c r="B258" s="206">
        <v>127</v>
      </c>
      <c r="C258" s="84">
        <v>5.31</v>
      </c>
      <c r="D258" s="85">
        <v>0.19600000000000001</v>
      </c>
    </row>
    <row r="259" spans="1:38">
      <c r="A259" s="49" t="s">
        <v>460</v>
      </c>
      <c r="B259" s="207">
        <v>191</v>
      </c>
      <c r="C259" s="208">
        <v>5.18</v>
      </c>
      <c r="D259" s="209">
        <v>0.1764</v>
      </c>
    </row>
    <row r="260" spans="1:38">
      <c r="A260" s="57" t="s">
        <v>458</v>
      </c>
      <c r="B260" s="206">
        <v>182</v>
      </c>
      <c r="C260" s="84">
        <v>5.23</v>
      </c>
      <c r="D260" s="85">
        <v>0.1764</v>
      </c>
    </row>
    <row r="263" spans="1:38">
      <c r="P263" s="258"/>
      <c r="Q263" s="258"/>
      <c r="R263" s="258"/>
      <c r="S263" s="258"/>
      <c r="T263" s="258"/>
      <c r="U263" s="258"/>
      <c r="V263" s="258"/>
      <c r="W263" s="258"/>
      <c r="X263" s="258"/>
      <c r="Y263" s="258"/>
      <c r="Z263" s="258"/>
      <c r="AA263" s="258"/>
      <c r="AB263" s="258"/>
      <c r="AC263" s="258"/>
      <c r="AD263" s="258"/>
      <c r="AE263" s="258"/>
      <c r="AF263" s="258"/>
      <c r="AG263" s="258"/>
      <c r="AH263" s="258"/>
    </row>
    <row r="264" spans="1:38" ht="18.75">
      <c r="A264" s="321" t="s">
        <v>53</v>
      </c>
      <c r="B264" s="321"/>
      <c r="C264" s="321"/>
      <c r="D264" s="321"/>
      <c r="E264" s="321"/>
      <c r="F264" s="321"/>
      <c r="G264" s="321"/>
      <c r="H264" s="321"/>
      <c r="I264" s="321"/>
      <c r="J264" s="321"/>
      <c r="K264" s="321"/>
      <c r="L264" s="321"/>
      <c r="M264" s="321"/>
      <c r="N264" s="321"/>
      <c r="O264" s="321"/>
      <c r="P264" s="321"/>
      <c r="Q264" s="321"/>
      <c r="R264" s="321"/>
      <c r="S264" s="321"/>
      <c r="T264" s="228"/>
      <c r="U264" s="228"/>
      <c r="V264" s="228"/>
      <c r="W264" s="258"/>
      <c r="X264" s="258"/>
      <c r="Y264" s="258"/>
      <c r="Z264" s="258"/>
      <c r="AA264" s="258"/>
      <c r="AB264" s="258"/>
      <c r="AC264" s="258"/>
      <c r="AD264" s="258"/>
      <c r="AE264" s="258"/>
      <c r="AF264" s="258"/>
      <c r="AG264" s="258"/>
      <c r="AH264" s="258"/>
    </row>
    <row r="265" spans="1:38" ht="36" customHeight="1">
      <c r="A265" s="389" t="s">
        <v>504</v>
      </c>
      <c r="B265" s="389"/>
      <c r="C265" s="389"/>
      <c r="D265" s="389"/>
      <c r="E265" s="389"/>
      <c r="F265" s="389"/>
      <c r="G265" s="389"/>
      <c r="H265" s="389"/>
      <c r="I265" s="389"/>
      <c r="J265" s="389"/>
      <c r="K265" s="389"/>
      <c r="L265" s="389"/>
      <c r="M265" s="389"/>
      <c r="N265" s="389"/>
      <c r="O265" s="389"/>
      <c r="P265" s="389"/>
      <c r="Q265" s="389"/>
      <c r="R265" s="389"/>
      <c r="S265" s="389"/>
      <c r="T265" s="259"/>
      <c r="U265" s="259"/>
      <c r="V265" s="259"/>
      <c r="W265" s="258"/>
      <c r="X265" s="258"/>
      <c r="Y265" s="258"/>
      <c r="Z265" s="258"/>
      <c r="AA265" s="258"/>
      <c r="AB265" s="258"/>
      <c r="AC265" s="258"/>
      <c r="AD265" s="258"/>
      <c r="AE265" s="258"/>
      <c r="AF265" s="258"/>
      <c r="AG265" s="258"/>
      <c r="AH265" s="258"/>
    </row>
    <row r="266" spans="1:38" ht="35.25" customHeight="1">
      <c r="A266" s="64"/>
      <c r="B266" s="364" t="s">
        <v>281</v>
      </c>
      <c r="C266" s="365"/>
      <c r="D266" s="365"/>
      <c r="E266" s="365"/>
      <c r="F266" s="365"/>
      <c r="G266" s="365"/>
      <c r="H266" s="365"/>
      <c r="I266" s="365"/>
      <c r="J266" s="366"/>
      <c r="K266" s="364" t="s">
        <v>282</v>
      </c>
      <c r="L266" s="365"/>
      <c r="M266" s="365"/>
      <c r="N266" s="365"/>
      <c r="O266" s="365"/>
      <c r="P266" s="365"/>
      <c r="Q266" s="365"/>
      <c r="R266" s="365"/>
      <c r="S266" s="366"/>
      <c r="T266" s="258"/>
      <c r="U266" s="258"/>
      <c r="V266" s="258"/>
      <c r="W266" s="258"/>
      <c r="X266" s="258"/>
      <c r="Y266" s="258"/>
      <c r="Z266" s="258"/>
      <c r="AA266" s="258"/>
      <c r="AB266" s="258"/>
      <c r="AC266" s="258"/>
      <c r="AD266" s="258"/>
      <c r="AE266" s="258"/>
      <c r="AF266" s="258"/>
      <c r="AG266" s="258"/>
      <c r="AH266" s="258"/>
      <c r="AI266" s="258"/>
      <c r="AJ266" s="258"/>
      <c r="AK266" s="258"/>
      <c r="AL266" s="258"/>
    </row>
    <row r="267" spans="1:38" ht="59.25" customHeight="1">
      <c r="A267" s="37" t="s">
        <v>85</v>
      </c>
      <c r="B267" s="38" t="s">
        <v>86</v>
      </c>
      <c r="C267" s="38" t="s">
        <v>257</v>
      </c>
      <c r="D267" s="89" t="s">
        <v>351</v>
      </c>
      <c r="E267" s="38" t="s">
        <v>352</v>
      </c>
      <c r="F267" s="89" t="s">
        <v>319</v>
      </c>
      <c r="G267" s="38" t="s">
        <v>353</v>
      </c>
      <c r="H267" s="89" t="s">
        <v>320</v>
      </c>
      <c r="I267" s="38" t="s">
        <v>357</v>
      </c>
      <c r="J267" s="89" t="s">
        <v>371</v>
      </c>
      <c r="K267" s="65" t="s">
        <v>86</v>
      </c>
      <c r="L267" s="65" t="s">
        <v>257</v>
      </c>
      <c r="M267" s="88" t="s">
        <v>351</v>
      </c>
      <c r="N267" s="65" t="s">
        <v>352</v>
      </c>
      <c r="O267" s="88" t="s">
        <v>319</v>
      </c>
      <c r="P267" s="65" t="s">
        <v>353</v>
      </c>
      <c r="Q267" s="261" t="s">
        <v>320</v>
      </c>
      <c r="R267" s="65" t="s">
        <v>357</v>
      </c>
      <c r="S267" s="88" t="s">
        <v>371</v>
      </c>
      <c r="T267" s="258"/>
      <c r="U267" s="258"/>
      <c r="V267" s="258"/>
      <c r="W267" s="258"/>
      <c r="X267" s="258"/>
      <c r="Y267" s="258"/>
      <c r="Z267" s="258"/>
      <c r="AA267" s="258"/>
      <c r="AB267" s="258"/>
      <c r="AC267" s="258"/>
      <c r="AD267" s="258"/>
      <c r="AE267" s="258"/>
      <c r="AF267" s="258"/>
      <c r="AG267" s="258"/>
      <c r="AH267" s="258"/>
      <c r="AI267" s="258"/>
      <c r="AJ267" s="258"/>
      <c r="AK267" s="258"/>
      <c r="AL267" s="258"/>
    </row>
    <row r="268" spans="1:38" ht="72">
      <c r="A268" s="41"/>
      <c r="B268" s="42" t="s">
        <v>89</v>
      </c>
      <c r="C268" s="42" t="s">
        <v>181</v>
      </c>
      <c r="D268" s="91" t="s">
        <v>104</v>
      </c>
      <c r="E268" s="42" t="s">
        <v>182</v>
      </c>
      <c r="F268" s="91" t="s">
        <v>104</v>
      </c>
      <c r="G268" s="42" t="s">
        <v>183</v>
      </c>
      <c r="H268" s="91" t="s">
        <v>104</v>
      </c>
      <c r="I268" s="42" t="s">
        <v>357</v>
      </c>
      <c r="J268" s="91" t="s">
        <v>104</v>
      </c>
      <c r="K268" s="68" t="s">
        <v>89</v>
      </c>
      <c r="L268" s="68" t="s">
        <v>181</v>
      </c>
      <c r="M268" s="90" t="s">
        <v>104</v>
      </c>
      <c r="N268" s="68" t="s">
        <v>182</v>
      </c>
      <c r="O268" s="90" t="s">
        <v>104</v>
      </c>
      <c r="P268" s="68" t="s">
        <v>183</v>
      </c>
      <c r="Q268" s="275" t="s">
        <v>104</v>
      </c>
      <c r="R268" s="68" t="s">
        <v>357</v>
      </c>
      <c r="S268" s="90" t="s">
        <v>104</v>
      </c>
    </row>
    <row r="269" spans="1:38">
      <c r="A269" s="45" t="s">
        <v>436</v>
      </c>
      <c r="B269" s="206">
        <v>10996</v>
      </c>
      <c r="C269" s="210">
        <v>0.08</v>
      </c>
      <c r="D269" s="94">
        <v>5.1778643397893511E-3</v>
      </c>
      <c r="E269" s="210">
        <v>0.114</v>
      </c>
      <c r="F269" s="94">
        <v>6.0636724853184573E-3</v>
      </c>
      <c r="G269" s="210">
        <v>0.79800000000000004</v>
      </c>
      <c r="H269" s="94">
        <v>7.6576894921402067E-3</v>
      </c>
      <c r="I269" s="210">
        <v>8.0000000000000002E-3</v>
      </c>
      <c r="J269" s="94">
        <v>1.7175050125100056E-3</v>
      </c>
      <c r="K269" s="206">
        <v>10971</v>
      </c>
      <c r="L269" s="212">
        <v>7.2999999999999995E-2</v>
      </c>
      <c r="M269" s="94">
        <v>4.9711286993327228E-3</v>
      </c>
      <c r="N269" s="210">
        <v>0.13200000000000001</v>
      </c>
      <c r="O269" s="94">
        <v>6.4648958237158291E-3</v>
      </c>
      <c r="P269" s="210">
        <v>0.78800000000000003</v>
      </c>
      <c r="Q269" s="276">
        <v>7.8043606594874375E-3</v>
      </c>
      <c r="R269" s="210">
        <v>8.0000000000000002E-3</v>
      </c>
      <c r="S269" s="94">
        <v>1.7195025405736641E-3</v>
      </c>
    </row>
    <row r="270" spans="1:38">
      <c r="A270" s="49" t="s">
        <v>437</v>
      </c>
      <c r="B270" s="207">
        <v>8848</v>
      </c>
      <c r="C270" s="211">
        <v>0.08</v>
      </c>
      <c r="D270" s="97">
        <v>5.77321775012638E-3</v>
      </c>
      <c r="E270" s="211">
        <v>0.09</v>
      </c>
      <c r="F270" s="97">
        <v>6.0891066032065476E-3</v>
      </c>
      <c r="G270" s="211">
        <v>0.82599999999999996</v>
      </c>
      <c r="H270" s="97">
        <v>8.0615578238856928E-3</v>
      </c>
      <c r="I270" s="211">
        <v>4.0000000000000001E-3</v>
      </c>
      <c r="J270" s="97">
        <v>1.3786649574526128E-3</v>
      </c>
      <c r="K270" s="207">
        <v>8824</v>
      </c>
      <c r="L270" s="211">
        <v>6.8000000000000005E-2</v>
      </c>
      <c r="M270" s="97">
        <v>5.3658657756638396E-3</v>
      </c>
      <c r="N270" s="211">
        <v>0.12</v>
      </c>
      <c r="O270" s="97">
        <v>6.9214908231813605E-3</v>
      </c>
      <c r="P270" s="211">
        <v>0.80900000000000005</v>
      </c>
      <c r="Q270" s="277">
        <v>8.3697273672447038E-3</v>
      </c>
      <c r="R270" s="211">
        <v>3.0000000000000001E-3</v>
      </c>
      <c r="S270" s="97">
        <v>1.2069108323037394E-3</v>
      </c>
    </row>
    <row r="271" spans="1:38">
      <c r="A271" s="45" t="s">
        <v>438</v>
      </c>
      <c r="B271" s="206">
        <v>1983</v>
      </c>
      <c r="C271" s="210">
        <v>8.2600000000000007E-2</v>
      </c>
      <c r="D271" s="94">
        <v>1.2407928405831475E-2</v>
      </c>
      <c r="E271" s="210">
        <v>0.16009999999999999</v>
      </c>
      <c r="F271" s="94">
        <v>1.64812301671046E-2</v>
      </c>
      <c r="G271" s="210">
        <v>0.74270000000000003</v>
      </c>
      <c r="H271" s="94">
        <v>1.9625770367670839E-2</v>
      </c>
      <c r="I271" s="210">
        <v>1.4500000000000001E-2</v>
      </c>
      <c r="J271" s="94">
        <v>5.5385012559716019E-3</v>
      </c>
      <c r="K271" s="206">
        <v>1984</v>
      </c>
      <c r="L271" s="212">
        <v>6.2300000000000001E-2</v>
      </c>
      <c r="M271" s="94">
        <v>1.0912942979242916E-2</v>
      </c>
      <c r="N271" s="210">
        <v>0.1482</v>
      </c>
      <c r="O271" s="94">
        <v>1.5968675332372655E-2</v>
      </c>
      <c r="P271" s="210">
        <v>0.77449999999999997</v>
      </c>
      <c r="Q271" s="276">
        <v>1.8762127681943033E-2</v>
      </c>
      <c r="R271" s="210">
        <v>1.4999999999999999E-2</v>
      </c>
      <c r="S271" s="94">
        <v>5.624147989777231E-3</v>
      </c>
    </row>
    <row r="272" spans="1:38">
      <c r="A272" s="49" t="s">
        <v>439</v>
      </c>
      <c r="B272" s="207">
        <v>3921</v>
      </c>
      <c r="C272" s="211">
        <v>7.8E-2</v>
      </c>
      <c r="D272" s="97">
        <v>8.5825352988559093E-3</v>
      </c>
      <c r="E272" s="211">
        <v>0.11</v>
      </c>
      <c r="F272" s="97">
        <v>1.0004322875603131E-2</v>
      </c>
      <c r="G272" s="211">
        <v>0.8</v>
      </c>
      <c r="H272" s="97">
        <v>1.2776704359339136E-2</v>
      </c>
      <c r="I272" s="211">
        <v>1.2E-2</v>
      </c>
      <c r="J272" s="97">
        <v>3.5464009512598559E-3</v>
      </c>
      <c r="K272" s="207">
        <v>3907</v>
      </c>
      <c r="L272" s="211">
        <v>6.8000000000000005E-2</v>
      </c>
      <c r="M272" s="97">
        <v>8.0751739424357264E-3</v>
      </c>
      <c r="N272" s="211">
        <v>0.13</v>
      </c>
      <c r="O272" s="97">
        <v>1.07684723811594E-2</v>
      </c>
      <c r="P272" s="211">
        <v>0.78900000000000003</v>
      </c>
      <c r="Q272" s="277">
        <v>1.3055347274361731E-2</v>
      </c>
      <c r="R272" s="211">
        <v>1.2999999999999999E-2</v>
      </c>
      <c r="S272" s="97">
        <v>3.6903800259070201E-3</v>
      </c>
    </row>
    <row r="273" spans="1:19">
      <c r="A273" s="45" t="s">
        <v>440</v>
      </c>
      <c r="B273" s="206">
        <v>3282</v>
      </c>
      <c r="C273" s="210">
        <v>7.3999999999999996E-2</v>
      </c>
      <c r="D273" s="94">
        <v>9.1624645971727665E-3</v>
      </c>
      <c r="E273" s="210">
        <v>9.0999999999999998E-2</v>
      </c>
      <c r="F273" s="94">
        <v>1.0059228711291951E-2</v>
      </c>
      <c r="G273" s="210">
        <v>0.83199999999999996</v>
      </c>
      <c r="H273" s="94">
        <v>1.3056559616323129E-2</v>
      </c>
      <c r="I273" s="210">
        <v>2E-3</v>
      </c>
      <c r="J273" s="94">
        <v>1.7788285704966036E-3</v>
      </c>
      <c r="K273" s="206">
        <v>3270</v>
      </c>
      <c r="L273" s="212">
        <v>5.6000000000000001E-2</v>
      </c>
      <c r="M273" s="94">
        <v>8.0730784398734268E-3</v>
      </c>
      <c r="N273" s="210">
        <v>0.11799999999999999</v>
      </c>
      <c r="O273" s="94">
        <v>1.1295570657156936E-2</v>
      </c>
      <c r="P273" s="210">
        <v>0.82399999999999995</v>
      </c>
      <c r="Q273" s="276">
        <v>1.332275677016059E-2</v>
      </c>
      <c r="R273" s="210">
        <v>2E-3</v>
      </c>
      <c r="S273" s="94">
        <v>1.7828430095934769E-3</v>
      </c>
    </row>
    <row r="274" spans="1:19">
      <c r="A274" s="49" t="s">
        <v>452</v>
      </c>
      <c r="B274" s="207">
        <v>576</v>
      </c>
      <c r="C274" s="211">
        <v>5.6000000000000001E-2</v>
      </c>
      <c r="D274" s="97">
        <v>1.9577210708835311E-2</v>
      </c>
      <c r="E274" s="211">
        <v>6.4000000000000001E-2</v>
      </c>
      <c r="F274" s="97">
        <v>2.076418872867928E-2</v>
      </c>
      <c r="G274" s="211">
        <v>0.877</v>
      </c>
      <c r="H274" s="97">
        <v>2.7521106633724375E-2</v>
      </c>
      <c r="I274" s="211">
        <v>3.0000000000000001E-3</v>
      </c>
      <c r="J274" s="97">
        <v>6.6365094390149282E-3</v>
      </c>
      <c r="K274" s="207">
        <v>574</v>
      </c>
      <c r="L274" s="211">
        <v>7.0000000000000007E-2</v>
      </c>
      <c r="M274" s="97">
        <v>2.1637196329423562E-2</v>
      </c>
      <c r="N274" s="211">
        <v>0.12</v>
      </c>
      <c r="O274" s="97">
        <v>2.7286979326553974E-2</v>
      </c>
      <c r="P274" s="211">
        <v>0.81</v>
      </c>
      <c r="Q274" s="277">
        <v>3.2775370676501811E-2</v>
      </c>
      <c r="R274" s="211">
        <v>0</v>
      </c>
      <c r="S274" s="97">
        <v>4.8849989822918787E-3</v>
      </c>
    </row>
    <row r="275" spans="1:19">
      <c r="A275" s="45" t="s">
        <v>441</v>
      </c>
      <c r="B275" s="206">
        <v>148</v>
      </c>
      <c r="C275" s="210">
        <v>2.1999999999999999E-2</v>
      </c>
      <c r="D275" s="94">
        <v>2.9639608886240218E-2</v>
      </c>
      <c r="E275" s="210">
        <v>8.6999999999999994E-2</v>
      </c>
      <c r="F275" s="94">
        <v>4.8201930845060657E-2</v>
      </c>
      <c r="G275" s="210">
        <v>0.89200000000000002</v>
      </c>
      <c r="H275" s="94">
        <v>5.2394546581154972E-2</v>
      </c>
      <c r="I275" s="210">
        <v>0</v>
      </c>
      <c r="J275" s="94">
        <v>1.8485246281217643E-2</v>
      </c>
      <c r="K275" s="206">
        <v>148</v>
      </c>
      <c r="L275" s="212">
        <v>5.8999999999999997E-2</v>
      </c>
      <c r="M275" s="94">
        <v>4.1555340391585101E-2</v>
      </c>
      <c r="N275" s="210">
        <v>0.13100000000000001</v>
      </c>
      <c r="O275" s="94">
        <v>5.6408070087934595E-2</v>
      </c>
      <c r="P275" s="210">
        <v>0.81100000000000005</v>
      </c>
      <c r="Q275" s="276">
        <v>6.4543456932321622E-2</v>
      </c>
      <c r="R275" s="210">
        <v>0</v>
      </c>
      <c r="S275" s="94">
        <v>1.8485246281217643E-2</v>
      </c>
    </row>
    <row r="276" spans="1:19">
      <c r="A276" s="49" t="s">
        <v>442</v>
      </c>
      <c r="B276" s="207">
        <v>108</v>
      </c>
      <c r="C276" s="211">
        <v>2.5999999999999999E-2</v>
      </c>
      <c r="D276" s="97">
        <v>3.8305962415265939E-2</v>
      </c>
      <c r="E276" s="211">
        <v>0</v>
      </c>
      <c r="F276" s="97">
        <v>2.5027317436669111E-2</v>
      </c>
      <c r="G276" s="211">
        <v>0.97399999999999998</v>
      </c>
      <c r="H276" s="97">
        <v>3.8305962415265987E-2</v>
      </c>
      <c r="I276" s="211">
        <v>0</v>
      </c>
      <c r="J276" s="97">
        <v>2.5027317436669111E-2</v>
      </c>
      <c r="K276" s="207">
        <v>108</v>
      </c>
      <c r="L276" s="211">
        <v>1.6E-2</v>
      </c>
      <c r="M276" s="97">
        <v>3.3899944958975588E-2</v>
      </c>
      <c r="N276" s="211">
        <v>1E-3</v>
      </c>
      <c r="O276" s="97">
        <v>2.5681554246161628E-2</v>
      </c>
      <c r="P276" s="211">
        <v>0.98299999999999998</v>
      </c>
      <c r="Q276" s="277">
        <v>3.4370324357337265E-2</v>
      </c>
      <c r="R276" s="211">
        <v>0</v>
      </c>
      <c r="S276" s="97">
        <v>2.5027317436669111E-2</v>
      </c>
    </row>
    <row r="277" spans="1:19">
      <c r="A277" s="45" t="s">
        <v>443</v>
      </c>
      <c r="B277" s="206">
        <v>122</v>
      </c>
      <c r="C277" s="210">
        <v>0.14299999999999999</v>
      </c>
      <c r="D277" s="94">
        <v>6.4368619870134619E-2</v>
      </c>
      <c r="E277" s="210">
        <v>5.1999999999999998E-2</v>
      </c>
      <c r="F277" s="94">
        <v>4.4306593979194939E-2</v>
      </c>
      <c r="G277" s="210">
        <v>0.79500000000000004</v>
      </c>
      <c r="H277" s="94">
        <v>7.311931803758831E-2</v>
      </c>
      <c r="I277" s="210">
        <v>0.01</v>
      </c>
      <c r="J277" s="94">
        <v>2.811680237402114E-2</v>
      </c>
      <c r="K277" s="206">
        <v>119</v>
      </c>
      <c r="L277" s="212">
        <v>0.157</v>
      </c>
      <c r="M277" s="94">
        <v>6.744550229852439E-2</v>
      </c>
      <c r="N277" s="210">
        <v>0.19900000000000001</v>
      </c>
      <c r="O277" s="94">
        <v>7.3295466408309626E-2</v>
      </c>
      <c r="P277" s="210">
        <v>0.64400000000000002</v>
      </c>
      <c r="Q277" s="276">
        <v>8.6596110076765848E-2</v>
      </c>
      <c r="R277" s="210">
        <v>0</v>
      </c>
      <c r="S277" s="94">
        <v>2.2807622255924295E-2</v>
      </c>
    </row>
    <row r="278" spans="1:19">
      <c r="A278" s="49" t="s">
        <v>444</v>
      </c>
      <c r="B278" s="207">
        <v>82</v>
      </c>
      <c r="C278" s="211">
        <v>1.0999999999999999E-2</v>
      </c>
      <c r="D278" s="97">
        <v>3.8942722372658486E-2</v>
      </c>
      <c r="E278" s="211">
        <v>0.104</v>
      </c>
      <c r="F278" s="97">
        <v>7.0688405643300964E-2</v>
      </c>
      <c r="G278" s="211">
        <v>0.88500000000000001</v>
      </c>
      <c r="H278" s="97">
        <v>7.3212882421157616E-2</v>
      </c>
      <c r="I278" s="211">
        <v>0</v>
      </c>
      <c r="J278" s="97">
        <v>3.2504011252172456E-2</v>
      </c>
      <c r="K278" s="207">
        <v>81</v>
      </c>
      <c r="L278" s="211">
        <v>2.3E-2</v>
      </c>
      <c r="M278" s="97">
        <v>4.5182830506767691E-2</v>
      </c>
      <c r="N278" s="211">
        <v>8.3000000000000004E-2</v>
      </c>
      <c r="O278" s="97">
        <v>6.583113535593299E-2</v>
      </c>
      <c r="P278" s="211">
        <v>0.89400000000000002</v>
      </c>
      <c r="Q278" s="277">
        <v>7.1629987750419025E-2</v>
      </c>
      <c r="R278" s="211">
        <v>0</v>
      </c>
      <c r="S278" s="97">
        <v>3.2881805121991139E-2</v>
      </c>
    </row>
    <row r="279" spans="1:19">
      <c r="A279" s="45" t="s">
        <v>445</v>
      </c>
      <c r="B279" s="206">
        <v>120</v>
      </c>
      <c r="C279" s="210">
        <v>4.7E-2</v>
      </c>
      <c r="D279" s="94">
        <v>4.3186300613808695E-2</v>
      </c>
      <c r="E279" s="210">
        <v>8.6999999999999994E-2</v>
      </c>
      <c r="F279" s="94">
        <v>5.3958753799024629E-2</v>
      </c>
      <c r="G279" s="210">
        <v>0.86499999999999999</v>
      </c>
      <c r="H279" s="94">
        <v>6.3558844885006988E-2</v>
      </c>
      <c r="I279" s="210">
        <v>0</v>
      </c>
      <c r="J279" s="94">
        <v>2.262519761202799E-2</v>
      </c>
      <c r="K279" s="206">
        <v>122</v>
      </c>
      <c r="L279" s="212">
        <v>6.2E-2</v>
      </c>
      <c r="M279" s="94">
        <v>4.7188655155609445E-2</v>
      </c>
      <c r="N279" s="210">
        <v>0.125</v>
      </c>
      <c r="O279" s="94">
        <v>6.1246794039209469E-2</v>
      </c>
      <c r="P279" s="210">
        <v>0.81299999999999994</v>
      </c>
      <c r="Q279" s="276">
        <v>7.0857003278407452E-2</v>
      </c>
      <c r="R279" s="210">
        <v>0</v>
      </c>
      <c r="S279" s="94">
        <v>2.226896426705402E-2</v>
      </c>
    </row>
    <row r="280" spans="1:19">
      <c r="A280" s="49" t="s">
        <v>453</v>
      </c>
      <c r="B280" s="207">
        <v>956</v>
      </c>
      <c r="C280" s="211">
        <v>6.6000000000000003E-2</v>
      </c>
      <c r="D280" s="97">
        <v>1.6228879000089225E-2</v>
      </c>
      <c r="E280" s="211">
        <v>7.1999999999999995E-2</v>
      </c>
      <c r="F280" s="97">
        <v>1.6874457158621375E-2</v>
      </c>
      <c r="G280" s="211">
        <v>0.86</v>
      </c>
      <c r="H280" s="97">
        <v>2.2497939720487005E-2</v>
      </c>
      <c r="I280" s="211">
        <v>2E-3</v>
      </c>
      <c r="J280" s="97">
        <v>4.1121741892215609E-3</v>
      </c>
      <c r="K280" s="207">
        <v>955</v>
      </c>
      <c r="L280" s="211">
        <v>3.5000000000000003E-2</v>
      </c>
      <c r="M280" s="97">
        <v>1.2181284841971516E-2</v>
      </c>
      <c r="N280" s="211">
        <v>8.5000000000000006E-2</v>
      </c>
      <c r="O280" s="97">
        <v>1.817637016301472E-2</v>
      </c>
      <c r="P280" s="211">
        <v>0.875</v>
      </c>
      <c r="Q280" s="277">
        <v>2.1472940556040154E-2</v>
      </c>
      <c r="R280" s="211">
        <v>5.0000000000000001E-3</v>
      </c>
      <c r="S280" s="97">
        <v>5.4091188554947003E-3</v>
      </c>
    </row>
    <row r="281" spans="1:19">
      <c r="A281" s="45" t="s">
        <v>446</v>
      </c>
      <c r="B281" s="206">
        <v>104</v>
      </c>
      <c r="C281" s="210">
        <v>0.05</v>
      </c>
      <c r="D281" s="94">
        <v>4.8005486654873038E-2</v>
      </c>
      <c r="E281" s="210">
        <v>4.8000000000000001E-2</v>
      </c>
      <c r="F281" s="94">
        <v>4.7355776068004604E-2</v>
      </c>
      <c r="G281" s="210">
        <v>0.90100000000000002</v>
      </c>
      <c r="H281" s="94">
        <v>6.1128161565364651E-2</v>
      </c>
      <c r="I281" s="210">
        <v>0</v>
      </c>
      <c r="J281" s="94">
        <v>2.5945514841396074E-2</v>
      </c>
      <c r="K281" s="206">
        <v>104</v>
      </c>
      <c r="L281" s="212">
        <v>2E-3</v>
      </c>
      <c r="M281" s="94">
        <v>2.7234556708413581E-2</v>
      </c>
      <c r="N281" s="210">
        <v>0.02</v>
      </c>
      <c r="O281" s="94">
        <v>3.6692222045889206E-2</v>
      </c>
      <c r="P281" s="210">
        <v>0.97799999999999998</v>
      </c>
      <c r="Q281" s="276">
        <v>3.7578224395751973E-2</v>
      </c>
      <c r="R281" s="210">
        <v>0</v>
      </c>
      <c r="S281" s="94">
        <v>2.5945514841396074E-2</v>
      </c>
    </row>
    <row r="282" spans="1:19">
      <c r="A282" s="49" t="s">
        <v>447</v>
      </c>
      <c r="B282" s="207">
        <v>195</v>
      </c>
      <c r="C282" s="211">
        <v>0.11799999999999999</v>
      </c>
      <c r="D282" s="97">
        <v>4.6996917199057194E-2</v>
      </c>
      <c r="E282" s="211">
        <v>0.124</v>
      </c>
      <c r="F282" s="97">
        <v>4.792169851116463E-2</v>
      </c>
      <c r="G282" s="211">
        <v>0.754</v>
      </c>
      <c r="H282" s="97">
        <v>6.1481139262213019E-2</v>
      </c>
      <c r="I282" s="211">
        <v>4.0000000000000001E-3</v>
      </c>
      <c r="J282" s="97">
        <v>1.6639658721778548E-2</v>
      </c>
      <c r="K282" s="207">
        <v>198</v>
      </c>
      <c r="L282" s="211">
        <v>7.2999999999999995E-2</v>
      </c>
      <c r="M282" s="97">
        <v>3.8491469013865888E-2</v>
      </c>
      <c r="N282" s="211">
        <v>9.0999999999999998E-2</v>
      </c>
      <c r="O282" s="97">
        <v>4.2046272515270454E-2</v>
      </c>
      <c r="P282" s="211">
        <v>0.81699999999999995</v>
      </c>
      <c r="Q282" s="277">
        <v>5.5123867499352948E-2</v>
      </c>
      <c r="R282" s="211">
        <v>1.9E-2</v>
      </c>
      <c r="S282" s="97">
        <v>2.3425082170243104E-2</v>
      </c>
    </row>
    <row r="283" spans="1:19">
      <c r="A283" s="57" t="s">
        <v>448</v>
      </c>
      <c r="B283" s="206">
        <v>241</v>
      </c>
      <c r="C283" s="210">
        <v>5.0000000000000001E-3</v>
      </c>
      <c r="D283" s="94">
        <v>1.4518392861072264E-2</v>
      </c>
      <c r="E283" s="210">
        <v>4.9000000000000002E-2</v>
      </c>
      <c r="F283" s="94">
        <v>2.9467781819985554E-2</v>
      </c>
      <c r="G283" s="210">
        <v>0.94599999999999995</v>
      </c>
      <c r="H283" s="94">
        <v>3.0646421811293057E-2</v>
      </c>
      <c r="I283" s="210">
        <v>0</v>
      </c>
      <c r="J283" s="94">
        <v>1.1497383131303779E-2</v>
      </c>
      <c r="K283" s="206">
        <v>239</v>
      </c>
      <c r="L283" s="212">
        <v>0.04</v>
      </c>
      <c r="M283" s="94">
        <v>2.7309812135202633E-2</v>
      </c>
      <c r="N283" s="210">
        <v>0.11700000000000001</v>
      </c>
      <c r="O283" s="94">
        <v>4.2183319394017225E-2</v>
      </c>
      <c r="P283" s="210">
        <v>0.84299999999999997</v>
      </c>
      <c r="Q283" s="276">
        <v>4.7348170126194314E-2</v>
      </c>
      <c r="R283" s="210">
        <v>0</v>
      </c>
      <c r="S283" s="94">
        <v>1.159161916892641E-2</v>
      </c>
    </row>
    <row r="284" spans="1:19">
      <c r="A284" s="49" t="s">
        <v>449</v>
      </c>
      <c r="B284" s="207">
        <v>122</v>
      </c>
      <c r="C284" s="211">
        <v>2.8000000000000001E-2</v>
      </c>
      <c r="D284" s="97">
        <v>3.6137520321260365E-2</v>
      </c>
      <c r="E284" s="211">
        <v>3.6999999999999998E-2</v>
      </c>
      <c r="F284" s="97">
        <v>3.9450868307935538E-2</v>
      </c>
      <c r="G284" s="211">
        <v>0.93500000000000005</v>
      </c>
      <c r="H284" s="97">
        <v>4.800746726521108E-2</v>
      </c>
      <c r="I284" s="211">
        <v>0</v>
      </c>
      <c r="J284" s="97">
        <v>2.226896426705402E-2</v>
      </c>
      <c r="K284" s="207">
        <v>124</v>
      </c>
      <c r="L284" s="211">
        <v>0</v>
      </c>
      <c r="M284" s="97">
        <v>2.1923773750628563E-2</v>
      </c>
      <c r="N284" s="211">
        <v>2.1999999999999999E-2</v>
      </c>
      <c r="O284" s="97">
        <v>3.3341566162669797E-2</v>
      </c>
      <c r="P284" s="211">
        <v>0.97799999999999998</v>
      </c>
      <c r="Q284" s="277">
        <v>3.3341566162669825E-2</v>
      </c>
      <c r="R284" s="211">
        <v>0</v>
      </c>
      <c r="S284" s="97">
        <v>2.1923773750628563E-2</v>
      </c>
    </row>
    <row r="285" spans="1:19">
      <c r="A285" s="57" t="s">
        <v>450</v>
      </c>
      <c r="B285" s="206">
        <v>127</v>
      </c>
      <c r="C285" s="210">
        <v>0.125</v>
      </c>
      <c r="D285" s="94">
        <v>5.9982611989111347E-2</v>
      </c>
      <c r="E285" s="210">
        <v>6.4000000000000001E-2</v>
      </c>
      <c r="F285" s="94">
        <v>4.6671069441223081E-2</v>
      </c>
      <c r="G285" s="210">
        <v>0.80100000000000005</v>
      </c>
      <c r="H285" s="94">
        <v>7.0947225620624707E-2</v>
      </c>
      <c r="I285" s="210">
        <v>8.9999999999999993E-3</v>
      </c>
      <c r="J285" s="94">
        <v>2.6739759552982571E-2</v>
      </c>
      <c r="K285" s="206">
        <v>125</v>
      </c>
      <c r="L285" s="212">
        <v>2.9000000000000001E-2</v>
      </c>
      <c r="M285" s="94">
        <v>3.5960049132836736E-2</v>
      </c>
      <c r="N285" s="210">
        <v>4.9000000000000002E-2</v>
      </c>
      <c r="O285" s="94">
        <v>4.2778480923713925E-2</v>
      </c>
      <c r="P285" s="210">
        <v>0.92300000000000004</v>
      </c>
      <c r="Q285" s="276">
        <v>5.0423119871368494E-2</v>
      </c>
      <c r="R285" s="210">
        <v>0</v>
      </c>
      <c r="S285" s="94">
        <v>2.1755160342254897E-2</v>
      </c>
    </row>
    <row r="286" spans="1:19">
      <c r="A286" s="49" t="s">
        <v>451</v>
      </c>
      <c r="B286" s="207">
        <v>167</v>
      </c>
      <c r="C286" s="211">
        <v>7.0999999999999994E-2</v>
      </c>
      <c r="D286" s="97">
        <v>4.1736685667057148E-2</v>
      </c>
      <c r="E286" s="211">
        <v>7.3999999999999996E-2</v>
      </c>
      <c r="F286" s="97">
        <v>4.2416703591172923E-2</v>
      </c>
      <c r="G286" s="211">
        <v>0.85499999999999998</v>
      </c>
      <c r="H286" s="97">
        <v>5.510265772191144E-2</v>
      </c>
      <c r="I286" s="211">
        <v>0</v>
      </c>
      <c r="J286" s="97">
        <v>1.6443496878751757E-2</v>
      </c>
      <c r="K286" s="207">
        <v>165</v>
      </c>
      <c r="L286" s="211">
        <v>1.0999999999999999E-2</v>
      </c>
      <c r="M286" s="97">
        <v>2.2852436651730743E-2</v>
      </c>
      <c r="N286" s="211">
        <v>0.123</v>
      </c>
      <c r="O286" s="97">
        <v>5.2062633807859152E-2</v>
      </c>
      <c r="P286" s="211">
        <v>0.86599999999999999</v>
      </c>
      <c r="Q286" s="277">
        <v>5.3804394725024005E-2</v>
      </c>
      <c r="R286" s="211">
        <v>0</v>
      </c>
      <c r="S286" s="97">
        <v>1.6636929342282263E-2</v>
      </c>
    </row>
    <row r="287" spans="1:19">
      <c r="A287" s="57" t="s">
        <v>457</v>
      </c>
      <c r="B287" s="206">
        <v>130</v>
      </c>
      <c r="C287" s="210">
        <v>6.3E-2</v>
      </c>
      <c r="D287" s="94">
        <v>4.579707614480992E-2</v>
      </c>
      <c r="E287" s="210">
        <v>0.16900000000000001</v>
      </c>
      <c r="F287" s="94">
        <v>6.6215913005256366E-2</v>
      </c>
      <c r="G287" s="210">
        <v>0.71399999999999997</v>
      </c>
      <c r="H287" s="94">
        <v>7.8587774341717723E-2</v>
      </c>
      <c r="I287" s="210">
        <v>5.3999999999999999E-2</v>
      </c>
      <c r="J287" s="94">
        <v>4.3290871326060208E-2</v>
      </c>
      <c r="K287" s="206">
        <v>130</v>
      </c>
      <c r="L287" s="212">
        <v>2.5999999999999999E-2</v>
      </c>
      <c r="M287" s="94">
        <v>3.3917059132298977E-2</v>
      </c>
      <c r="N287" s="210">
        <v>0.215</v>
      </c>
      <c r="O287" s="94">
        <v>7.1976753463211154E-2</v>
      </c>
      <c r="P287" s="210">
        <v>0.70899999999999996</v>
      </c>
      <c r="Q287" s="276">
        <v>7.8964926692991544E-2</v>
      </c>
      <c r="R287" s="210">
        <v>0.05</v>
      </c>
      <c r="S287" s="94">
        <v>4.2111830918424048E-2</v>
      </c>
    </row>
    <row r="288" spans="1:19">
      <c r="A288" s="49" t="s">
        <v>460</v>
      </c>
      <c r="B288" s="207">
        <v>195</v>
      </c>
      <c r="C288" s="211">
        <v>0.06</v>
      </c>
      <c r="D288" s="97">
        <v>3.5896191571876276E-2</v>
      </c>
      <c r="E288" s="211">
        <v>0.17199999999999999</v>
      </c>
      <c r="F288" s="97">
        <v>5.4301876799136173E-2</v>
      </c>
      <c r="G288" s="211">
        <v>0.73699999999999999</v>
      </c>
      <c r="H288" s="97">
        <v>6.277764161716097E-2</v>
      </c>
      <c r="I288" s="211">
        <v>3.1E-2</v>
      </c>
      <c r="J288" s="97">
        <v>2.7924083148477271E-2</v>
      </c>
      <c r="K288" s="207">
        <v>193</v>
      </c>
      <c r="L288" s="211">
        <v>8.5000000000000006E-2</v>
      </c>
      <c r="M288" s="97">
        <v>4.1469921698792087E-2</v>
      </c>
      <c r="N288" s="211">
        <v>0.16300000000000001</v>
      </c>
      <c r="O288" s="97">
        <v>5.350575041341999E-2</v>
      </c>
      <c r="P288" s="211">
        <v>0.71899999999999997</v>
      </c>
      <c r="Q288" s="277">
        <v>6.4354172564295625E-2</v>
      </c>
      <c r="R288" s="211">
        <v>3.3000000000000002E-2</v>
      </c>
      <c r="S288" s="97">
        <v>2.8739153624440929E-2</v>
      </c>
    </row>
    <row r="289" spans="1:19">
      <c r="A289" s="57" t="s">
        <v>458</v>
      </c>
      <c r="B289" s="206">
        <v>183</v>
      </c>
      <c r="C289" s="210">
        <v>0.10299999999999999</v>
      </c>
      <c r="D289" s="94">
        <v>4.6032194573216341E-2</v>
      </c>
      <c r="E289" s="210">
        <v>0.185</v>
      </c>
      <c r="F289" s="94">
        <v>5.7575715241327048E-2</v>
      </c>
      <c r="G289" s="210">
        <v>0.69699999999999995</v>
      </c>
      <c r="H289" s="94">
        <v>6.7472873708027514E-2</v>
      </c>
      <c r="I289" s="210">
        <v>1.6E-2</v>
      </c>
      <c r="J289" s="94">
        <v>2.3427422876346585E-2</v>
      </c>
      <c r="K289" s="206">
        <v>183</v>
      </c>
      <c r="L289" s="212">
        <v>0.108</v>
      </c>
      <c r="M289" s="94">
        <v>4.6901775228177102E-2</v>
      </c>
      <c r="N289" s="210">
        <v>0.121</v>
      </c>
      <c r="O289" s="94">
        <v>4.904180184642163E-2</v>
      </c>
      <c r="P289" s="210">
        <v>0.73899999999999999</v>
      </c>
      <c r="Q289" s="276">
        <v>6.4633320910718065E-2</v>
      </c>
      <c r="R289" s="210">
        <v>3.2000000000000001E-2</v>
      </c>
      <c r="S289" s="94">
        <v>2.9340631489348158E-2</v>
      </c>
    </row>
  </sheetData>
  <mergeCells count="39">
    <mergeCell ref="K266:S266"/>
    <mergeCell ref="B266:J266"/>
    <mergeCell ref="A265:S265"/>
    <mergeCell ref="A264:S264"/>
    <mergeCell ref="A235:D235"/>
    <mergeCell ref="A236:D236"/>
    <mergeCell ref="A237:D237"/>
    <mergeCell ref="B92:L92"/>
    <mergeCell ref="A91:L91"/>
    <mergeCell ref="A90:L90"/>
    <mergeCell ref="A62:W62"/>
    <mergeCell ref="AL208:AT208"/>
    <mergeCell ref="A207:AT207"/>
    <mergeCell ref="A206:AT206"/>
    <mergeCell ref="B208:J208"/>
    <mergeCell ref="K208:S208"/>
    <mergeCell ref="T208:AB208"/>
    <mergeCell ref="AC208:AK208"/>
    <mergeCell ref="A178:D178"/>
    <mergeCell ref="K150:S150"/>
    <mergeCell ref="B150:J150"/>
    <mergeCell ref="A179:D179"/>
    <mergeCell ref="A177:D177"/>
    <mergeCell ref="A4:W4"/>
    <mergeCell ref="A3:W3"/>
    <mergeCell ref="A119:D119"/>
    <mergeCell ref="A120:D120"/>
    <mergeCell ref="A149:S149"/>
    <mergeCell ref="A148:S148"/>
    <mergeCell ref="A121:D121"/>
    <mergeCell ref="B5:L5"/>
    <mergeCell ref="M5:W5"/>
    <mergeCell ref="M34:W34"/>
    <mergeCell ref="A33:W33"/>
    <mergeCell ref="A32:W32"/>
    <mergeCell ref="B34:L34"/>
    <mergeCell ref="B63:L63"/>
    <mergeCell ref="M63:W63"/>
    <mergeCell ref="A61:W61"/>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57"/>
  <sheetViews>
    <sheetView zoomScaleNormal="100" workbookViewId="0">
      <selection activeCell="A33" sqref="A33:AK33"/>
    </sheetView>
  </sheetViews>
  <sheetFormatPr defaultColWidth="21.28515625" defaultRowHeight="15"/>
  <cols>
    <col min="1" max="1" width="44.7109375" customWidth="1"/>
  </cols>
  <sheetData>
    <row r="1" spans="1:4" ht="31.5">
      <c r="A1" s="33" t="s">
        <v>54</v>
      </c>
    </row>
    <row r="3" spans="1:4" ht="18.75">
      <c r="A3" s="386" t="s">
        <v>434</v>
      </c>
      <c r="B3" s="386"/>
      <c r="C3" s="386"/>
      <c r="D3" s="386"/>
    </row>
    <row r="4" spans="1:4" ht="99" customHeight="1">
      <c r="A4" s="387" t="s">
        <v>505</v>
      </c>
      <c r="B4" s="387"/>
      <c r="C4" s="387"/>
      <c r="D4" s="387"/>
    </row>
    <row r="5" spans="1:4" ht="36.75" customHeight="1">
      <c r="A5" s="371" t="s">
        <v>170</v>
      </c>
      <c r="B5" s="371"/>
      <c r="C5" s="371"/>
      <c r="D5" s="371"/>
    </row>
    <row r="6" spans="1:4" ht="72">
      <c r="A6" s="37" t="s">
        <v>85</v>
      </c>
      <c r="B6" s="38" t="s">
        <v>86</v>
      </c>
      <c r="C6" s="39" t="s">
        <v>87</v>
      </c>
      <c r="D6" s="40" t="s">
        <v>88</v>
      </c>
    </row>
    <row r="7" spans="1:4" ht="60">
      <c r="A7" s="41"/>
      <c r="B7" s="42" t="s">
        <v>89</v>
      </c>
      <c r="C7" s="128" t="s">
        <v>171</v>
      </c>
      <c r="D7" s="44" t="s">
        <v>91</v>
      </c>
    </row>
    <row r="8" spans="1:4">
      <c r="A8" s="45" t="s">
        <v>436</v>
      </c>
      <c r="B8" s="213">
        <v>10771</v>
      </c>
      <c r="C8" s="84">
        <v>4.5999999999999996</v>
      </c>
      <c r="D8" s="85">
        <v>1.9599999999999999E-2</v>
      </c>
    </row>
    <row r="9" spans="1:4">
      <c r="A9" s="49" t="s">
        <v>437</v>
      </c>
      <c r="B9" s="49">
        <v>8708</v>
      </c>
      <c r="C9" s="215">
        <v>4.6100000000000003</v>
      </c>
      <c r="D9" s="216">
        <v>1.9599999999999999E-2</v>
      </c>
    </row>
    <row r="10" spans="1:4">
      <c r="A10" s="45" t="s">
        <v>438</v>
      </c>
      <c r="B10" s="53">
        <v>1898</v>
      </c>
      <c r="C10" s="84">
        <v>4.6900000000000004</v>
      </c>
      <c r="D10" s="85">
        <v>5.8799999999999998E-2</v>
      </c>
    </row>
    <row r="11" spans="1:4">
      <c r="A11" s="49" t="s">
        <v>439</v>
      </c>
      <c r="B11" s="49">
        <v>3839</v>
      </c>
      <c r="C11" s="215">
        <v>4.62</v>
      </c>
      <c r="D11" s="216">
        <v>3.9199999999999999E-2</v>
      </c>
    </row>
    <row r="12" spans="1:4">
      <c r="A12" s="45" t="s">
        <v>440</v>
      </c>
      <c r="B12" s="53">
        <v>3232</v>
      </c>
      <c r="C12" s="84">
        <v>4.5999999999999996</v>
      </c>
      <c r="D12" s="85">
        <v>3.9199999999999999E-2</v>
      </c>
    </row>
    <row r="13" spans="1:4">
      <c r="A13" s="49" t="s">
        <v>452</v>
      </c>
      <c r="B13" s="49">
        <v>568</v>
      </c>
      <c r="C13" s="215">
        <v>4.4800000000000004</v>
      </c>
      <c r="D13" s="216">
        <v>9.8000000000000004E-2</v>
      </c>
    </row>
    <row r="14" spans="1:4">
      <c r="A14" s="45" t="s">
        <v>441</v>
      </c>
      <c r="B14" s="53">
        <v>144</v>
      </c>
      <c r="C14" s="84">
        <v>4.83</v>
      </c>
      <c r="D14" s="85">
        <v>0.19600000000000001</v>
      </c>
    </row>
    <row r="15" spans="1:4">
      <c r="A15" s="49" t="s">
        <v>442</v>
      </c>
      <c r="B15" s="49">
        <v>108</v>
      </c>
      <c r="C15" s="215">
        <v>4.79</v>
      </c>
      <c r="D15" s="216">
        <v>0.23519999999999999</v>
      </c>
    </row>
    <row r="16" spans="1:4">
      <c r="A16" s="45" t="s">
        <v>443</v>
      </c>
      <c r="B16" s="53">
        <v>119</v>
      </c>
      <c r="C16" s="84">
        <v>4.0599999999999996</v>
      </c>
      <c r="D16" s="85">
        <v>0.19600000000000001</v>
      </c>
    </row>
    <row r="17" spans="1:79">
      <c r="A17" s="49" t="s">
        <v>444</v>
      </c>
      <c r="B17" s="49">
        <v>79</v>
      </c>
      <c r="C17" s="215">
        <v>4.5199999999999996</v>
      </c>
      <c r="D17" s="216">
        <v>0.27440000000000003</v>
      </c>
    </row>
    <row r="18" spans="1:79">
      <c r="A18" s="45" t="s">
        <v>445</v>
      </c>
      <c r="B18" s="213">
        <v>122</v>
      </c>
      <c r="C18" s="84">
        <v>4.3899999999999997</v>
      </c>
      <c r="D18" s="85">
        <v>0.21559999999999999</v>
      </c>
    </row>
    <row r="19" spans="1:79">
      <c r="A19" s="49" t="s">
        <v>453</v>
      </c>
      <c r="B19" s="214">
        <v>943</v>
      </c>
      <c r="C19" s="215">
        <v>4.6900000000000004</v>
      </c>
      <c r="D19" s="216">
        <v>7.8399999999999997E-2</v>
      </c>
    </row>
    <row r="20" spans="1:79">
      <c r="A20" s="45" t="s">
        <v>446</v>
      </c>
      <c r="B20" s="83">
        <v>103</v>
      </c>
      <c r="C20" s="84">
        <v>4.8499999999999996</v>
      </c>
      <c r="D20" s="85">
        <v>0.23519999999999999</v>
      </c>
    </row>
    <row r="21" spans="1:79">
      <c r="A21" s="49" t="s">
        <v>447</v>
      </c>
      <c r="B21" s="214">
        <v>192</v>
      </c>
      <c r="C21" s="215">
        <v>4.4000000000000004</v>
      </c>
      <c r="D21" s="216">
        <v>0.15679999999999999</v>
      </c>
    </row>
    <row r="22" spans="1:79">
      <c r="A22" s="57" t="s">
        <v>448</v>
      </c>
      <c r="B22" s="213">
        <v>241</v>
      </c>
      <c r="C22" s="84">
        <v>4.99</v>
      </c>
      <c r="D22" s="85">
        <v>0.13720000000000002</v>
      </c>
    </row>
    <row r="23" spans="1:79">
      <c r="A23" s="49" t="s">
        <v>449</v>
      </c>
      <c r="B23" s="214">
        <v>123</v>
      </c>
      <c r="C23" s="215">
        <v>4.68</v>
      </c>
      <c r="D23" s="216">
        <v>0.19600000000000001</v>
      </c>
    </row>
    <row r="24" spans="1:79">
      <c r="A24" s="57" t="s">
        <v>450</v>
      </c>
      <c r="B24" s="213">
        <v>120</v>
      </c>
      <c r="C24" s="84">
        <v>4.68</v>
      </c>
      <c r="D24" s="85">
        <v>0.19600000000000001</v>
      </c>
    </row>
    <row r="25" spans="1:79">
      <c r="A25" s="49" t="s">
        <v>451</v>
      </c>
      <c r="B25" s="214">
        <v>164</v>
      </c>
      <c r="C25" s="215">
        <v>4.58</v>
      </c>
      <c r="D25" s="216">
        <v>0.15679999999999999</v>
      </c>
    </row>
    <row r="26" spans="1:79">
      <c r="A26" s="57" t="s">
        <v>457</v>
      </c>
      <c r="B26" s="213">
        <v>126</v>
      </c>
      <c r="C26" s="84">
        <v>4.6100000000000003</v>
      </c>
      <c r="D26" s="85">
        <v>0.21559999999999999</v>
      </c>
    </row>
    <row r="27" spans="1:79">
      <c r="A27" s="49" t="s">
        <v>460</v>
      </c>
      <c r="B27" s="214">
        <v>184</v>
      </c>
      <c r="C27" s="215">
        <v>4.74</v>
      </c>
      <c r="D27" s="216">
        <v>0.1764</v>
      </c>
    </row>
    <row r="28" spans="1:79">
      <c r="A28" s="57" t="s">
        <v>458</v>
      </c>
      <c r="B28" s="213">
        <v>171</v>
      </c>
      <c r="C28" s="84">
        <v>4.79</v>
      </c>
      <c r="D28" s="85">
        <v>0.1764</v>
      </c>
    </row>
    <row r="31" spans="1:79">
      <c r="W31" s="258"/>
      <c r="X31" s="258"/>
      <c r="Y31" s="258"/>
      <c r="Z31" s="258"/>
      <c r="AA31" s="258"/>
      <c r="AB31" s="258"/>
      <c r="AC31" s="258"/>
      <c r="AD31" s="258"/>
      <c r="AE31" s="258"/>
      <c r="AF31" s="258"/>
      <c r="AG31" s="258"/>
      <c r="AH31" s="258"/>
      <c r="AI31" s="258"/>
      <c r="AJ31" s="258"/>
      <c r="AK31" s="258"/>
      <c r="AL31" s="258"/>
      <c r="AM31" s="258"/>
      <c r="AN31" s="258"/>
      <c r="AO31" s="258"/>
      <c r="AP31" s="258"/>
      <c r="AQ31" s="258"/>
      <c r="AR31" s="258"/>
      <c r="AS31" s="258"/>
      <c r="AT31" s="258"/>
      <c r="AU31" s="258"/>
      <c r="AV31" s="258"/>
      <c r="AW31" s="258"/>
      <c r="AX31" s="258"/>
      <c r="AY31" s="258"/>
      <c r="AZ31" s="258"/>
      <c r="BA31" s="258"/>
      <c r="BB31" s="258"/>
      <c r="BC31" s="258"/>
      <c r="BD31" s="258"/>
      <c r="BE31" s="258"/>
      <c r="BF31" s="258"/>
      <c r="BG31" s="258"/>
      <c r="BH31" s="258"/>
      <c r="BI31" s="258"/>
      <c r="BJ31" s="258"/>
      <c r="BK31" s="258"/>
      <c r="BL31" s="258"/>
      <c r="BM31" s="258"/>
      <c r="BN31" s="258"/>
      <c r="BO31" s="258"/>
      <c r="BP31" s="258"/>
      <c r="BQ31" s="258"/>
      <c r="BR31" s="258"/>
      <c r="BS31" s="258"/>
      <c r="BT31" s="258"/>
      <c r="BU31" s="258"/>
      <c r="BV31" s="258"/>
      <c r="BW31" s="258"/>
      <c r="BX31" s="258"/>
      <c r="BY31" s="258"/>
      <c r="BZ31" s="258"/>
      <c r="CA31" s="258"/>
    </row>
    <row r="32" spans="1:79" ht="18.75">
      <c r="A32" s="321" t="s">
        <v>55</v>
      </c>
      <c r="B32" s="321"/>
      <c r="C32" s="321"/>
      <c r="D32" s="321"/>
      <c r="E32" s="321"/>
      <c r="F32" s="321"/>
      <c r="G32" s="321"/>
      <c r="H32" s="321"/>
      <c r="I32" s="321"/>
      <c r="J32" s="321"/>
      <c r="K32" s="321"/>
      <c r="L32" s="321"/>
      <c r="M32" s="321"/>
      <c r="N32" s="321"/>
      <c r="O32" s="321"/>
      <c r="P32" s="321"/>
      <c r="Q32" s="321"/>
      <c r="R32" s="321"/>
      <c r="S32" s="321"/>
      <c r="T32" s="321"/>
      <c r="U32" s="321"/>
      <c r="V32" s="321"/>
      <c r="W32" s="321"/>
      <c r="X32" s="321"/>
      <c r="Y32" s="321"/>
      <c r="Z32" s="321"/>
      <c r="AA32" s="321"/>
      <c r="AB32" s="321"/>
      <c r="AC32" s="321"/>
      <c r="AD32" s="321"/>
      <c r="AE32" s="321"/>
      <c r="AF32" s="321"/>
      <c r="AG32" s="321"/>
      <c r="AH32" s="321"/>
      <c r="AI32" s="321"/>
      <c r="AJ32" s="321"/>
      <c r="AK32" s="321"/>
      <c r="AL32" s="228"/>
      <c r="AM32" s="228"/>
      <c r="AN32" s="228"/>
      <c r="AO32" s="228"/>
      <c r="AP32" s="228"/>
      <c r="AQ32" s="228"/>
      <c r="AR32" s="228"/>
      <c r="AS32" s="228"/>
      <c r="AT32" s="228"/>
      <c r="AU32" s="228"/>
      <c r="AV32" s="228"/>
      <c r="AW32" s="228"/>
      <c r="AX32" s="228"/>
      <c r="AY32" s="228"/>
      <c r="AZ32" s="228"/>
      <c r="BA32" s="228"/>
      <c r="BB32" s="228"/>
      <c r="BC32" s="228"/>
      <c r="BD32" s="228"/>
      <c r="BE32" s="228"/>
      <c r="BF32" s="228"/>
      <c r="BG32" s="228"/>
      <c r="BH32" s="228"/>
      <c r="BI32" s="228"/>
      <c r="BJ32" s="228"/>
      <c r="BK32" s="228"/>
      <c r="BL32" s="228"/>
      <c r="BM32" s="228"/>
      <c r="BN32" s="228"/>
      <c r="BO32" s="228"/>
      <c r="BP32" s="228"/>
      <c r="BQ32" s="228"/>
      <c r="BR32" s="228"/>
      <c r="BS32" s="228"/>
      <c r="BT32" s="228"/>
      <c r="BU32" s="228"/>
      <c r="BV32" s="228"/>
      <c r="BW32" s="228"/>
      <c r="BX32" s="228"/>
      <c r="BY32" s="228"/>
      <c r="BZ32" s="228"/>
      <c r="CA32" s="258"/>
    </row>
    <row r="33" spans="1:85" ht="52.5" customHeight="1">
      <c r="A33" s="389" t="s">
        <v>506</v>
      </c>
      <c r="B33" s="389"/>
      <c r="C33" s="389"/>
      <c r="D33" s="389"/>
      <c r="E33" s="389"/>
      <c r="F33" s="389"/>
      <c r="G33" s="389"/>
      <c r="H33" s="389"/>
      <c r="I33" s="389"/>
      <c r="J33" s="389"/>
      <c r="K33" s="389"/>
      <c r="L33" s="389"/>
      <c r="M33" s="389"/>
      <c r="N33" s="389"/>
      <c r="O33" s="389"/>
      <c r="P33" s="389"/>
      <c r="Q33" s="389"/>
      <c r="R33" s="389"/>
      <c r="S33" s="389"/>
      <c r="T33" s="389"/>
      <c r="U33" s="389"/>
      <c r="V33" s="389"/>
      <c r="W33" s="389"/>
      <c r="X33" s="389"/>
      <c r="Y33" s="389"/>
      <c r="Z33" s="389"/>
      <c r="AA33" s="389"/>
      <c r="AB33" s="389"/>
      <c r="AC33" s="389"/>
      <c r="AD33" s="389"/>
      <c r="AE33" s="389"/>
      <c r="AF33" s="389"/>
      <c r="AG33" s="389"/>
      <c r="AH33" s="389"/>
      <c r="AI33" s="389"/>
      <c r="AJ33" s="389"/>
      <c r="AK33" s="389"/>
      <c r="AL33" s="259"/>
      <c r="AM33" s="259"/>
      <c r="AN33" s="259"/>
      <c r="AO33" s="259"/>
      <c r="AP33" s="259"/>
      <c r="AQ33" s="259"/>
      <c r="AR33" s="259"/>
      <c r="AS33" s="259"/>
      <c r="AT33" s="259"/>
      <c r="AU33" s="259"/>
      <c r="AV33" s="259"/>
      <c r="AW33" s="259"/>
      <c r="AX33" s="259"/>
      <c r="AY33" s="259"/>
      <c r="AZ33" s="259"/>
      <c r="BA33" s="259"/>
      <c r="BB33" s="259"/>
      <c r="BC33" s="259"/>
      <c r="BD33" s="259"/>
      <c r="BE33" s="259"/>
      <c r="BF33" s="259"/>
      <c r="BG33" s="259"/>
      <c r="BH33" s="259"/>
      <c r="BI33" s="259"/>
      <c r="BJ33" s="259"/>
      <c r="BK33" s="259"/>
      <c r="BL33" s="259"/>
      <c r="BM33" s="259"/>
      <c r="BN33" s="259"/>
      <c r="BO33" s="259"/>
      <c r="BP33" s="259"/>
      <c r="BQ33" s="259"/>
      <c r="BR33" s="259"/>
      <c r="BS33" s="259"/>
      <c r="BT33" s="259"/>
      <c r="BU33" s="259"/>
      <c r="BV33" s="259"/>
      <c r="BW33" s="259"/>
      <c r="BX33" s="259"/>
      <c r="BY33" s="259"/>
      <c r="BZ33" s="259"/>
      <c r="CA33" s="258"/>
    </row>
    <row r="34" spans="1:85" ht="33.75" customHeight="1">
      <c r="A34" s="64"/>
      <c r="B34" s="364" t="s">
        <v>283</v>
      </c>
      <c r="C34" s="365"/>
      <c r="D34" s="365"/>
      <c r="E34" s="365"/>
      <c r="F34" s="365"/>
      <c r="G34" s="365"/>
      <c r="H34" s="365"/>
      <c r="I34" s="365"/>
      <c r="J34" s="366"/>
      <c r="K34" s="364" t="s">
        <v>284</v>
      </c>
      <c r="L34" s="365"/>
      <c r="M34" s="365"/>
      <c r="N34" s="365"/>
      <c r="O34" s="365"/>
      <c r="P34" s="365"/>
      <c r="Q34" s="365"/>
      <c r="R34" s="365"/>
      <c r="S34" s="366"/>
      <c r="T34" s="364" t="s">
        <v>374</v>
      </c>
      <c r="U34" s="365"/>
      <c r="V34" s="365"/>
      <c r="W34" s="365"/>
      <c r="X34" s="365"/>
      <c r="Y34" s="365"/>
      <c r="Z34" s="365"/>
      <c r="AA34" s="365"/>
      <c r="AB34" s="366"/>
      <c r="AC34" s="364" t="s">
        <v>426</v>
      </c>
      <c r="AD34" s="365"/>
      <c r="AE34" s="365"/>
      <c r="AF34" s="365"/>
      <c r="AG34" s="365"/>
      <c r="AH34" s="365"/>
      <c r="AI34" s="365"/>
      <c r="AJ34" s="365"/>
      <c r="AK34" s="366"/>
      <c r="AL34" s="258"/>
      <c r="AM34" s="258"/>
      <c r="AN34" s="258"/>
      <c r="AO34" s="258"/>
      <c r="AP34" s="258"/>
      <c r="AQ34" s="258"/>
      <c r="AR34" s="258"/>
      <c r="AS34" s="258"/>
      <c r="AT34" s="258"/>
      <c r="AU34" s="258"/>
      <c r="AV34" s="258"/>
      <c r="AW34" s="258"/>
      <c r="AX34" s="258"/>
      <c r="AY34" s="258"/>
      <c r="AZ34" s="258"/>
      <c r="BA34" s="258"/>
      <c r="BB34" s="258"/>
      <c r="BC34" s="258"/>
      <c r="BD34" s="258"/>
      <c r="BE34" s="258"/>
      <c r="BF34" s="258"/>
      <c r="BG34" s="258"/>
      <c r="BH34" s="258"/>
      <c r="BI34" s="258"/>
      <c r="BJ34" s="258"/>
      <c r="BK34" s="258"/>
      <c r="BL34" s="258"/>
      <c r="BM34" s="258"/>
      <c r="BN34" s="258"/>
      <c r="BO34" s="258"/>
      <c r="BP34" s="258"/>
      <c r="BQ34" s="258"/>
      <c r="BR34" s="258"/>
      <c r="BS34" s="258"/>
      <c r="BT34" s="258"/>
      <c r="BU34" s="258"/>
      <c r="BV34" s="258"/>
      <c r="BW34" s="258"/>
      <c r="BX34" s="258"/>
      <c r="BY34" s="258"/>
      <c r="BZ34" s="258"/>
      <c r="CA34" s="258"/>
      <c r="CB34" s="258"/>
      <c r="CC34" s="258"/>
      <c r="CD34" s="258"/>
      <c r="CE34" s="258"/>
      <c r="CF34" s="258"/>
      <c r="CG34" s="258"/>
    </row>
    <row r="35" spans="1:85" ht="72">
      <c r="A35" s="37" t="s">
        <v>85</v>
      </c>
      <c r="B35" s="38" t="s">
        <v>86</v>
      </c>
      <c r="C35" s="38" t="s">
        <v>257</v>
      </c>
      <c r="D35" s="89" t="s">
        <v>351</v>
      </c>
      <c r="E35" s="38" t="s">
        <v>352</v>
      </c>
      <c r="F35" s="89" t="s">
        <v>319</v>
      </c>
      <c r="G35" s="38" t="s">
        <v>353</v>
      </c>
      <c r="H35" s="89" t="s">
        <v>320</v>
      </c>
      <c r="I35" s="38" t="s">
        <v>357</v>
      </c>
      <c r="J35" s="89" t="s">
        <v>371</v>
      </c>
      <c r="K35" s="65" t="s">
        <v>86</v>
      </c>
      <c r="L35" s="65" t="s">
        <v>257</v>
      </c>
      <c r="M35" s="88" t="s">
        <v>351</v>
      </c>
      <c r="N35" s="65" t="s">
        <v>352</v>
      </c>
      <c r="O35" s="88" t="s">
        <v>319</v>
      </c>
      <c r="P35" s="65" t="s">
        <v>353</v>
      </c>
      <c r="Q35" s="88" t="s">
        <v>320</v>
      </c>
      <c r="R35" s="65" t="s">
        <v>357</v>
      </c>
      <c r="S35" s="88" t="s">
        <v>371</v>
      </c>
      <c r="T35" s="38" t="s">
        <v>86</v>
      </c>
      <c r="U35" s="38" t="s">
        <v>354</v>
      </c>
      <c r="V35" s="89" t="s">
        <v>322</v>
      </c>
      <c r="W35" s="38" t="s">
        <v>377</v>
      </c>
      <c r="X35" s="89" t="s">
        <v>393</v>
      </c>
      <c r="Y35" s="38" t="s">
        <v>376</v>
      </c>
      <c r="Z35" s="89" t="s">
        <v>375</v>
      </c>
      <c r="AA35" s="38" t="s">
        <v>357</v>
      </c>
      <c r="AB35" s="89" t="s">
        <v>371</v>
      </c>
      <c r="AC35" s="38" t="s">
        <v>86</v>
      </c>
      <c r="AD35" s="38" t="s">
        <v>427</v>
      </c>
      <c r="AE35" s="89" t="s">
        <v>428</v>
      </c>
      <c r="AF35" s="38" t="s">
        <v>423</v>
      </c>
      <c r="AG35" s="89" t="s">
        <v>425</v>
      </c>
      <c r="AH35" s="38" t="s">
        <v>429</v>
      </c>
      <c r="AI35" s="89" t="s">
        <v>430</v>
      </c>
      <c r="AJ35" s="38" t="s">
        <v>357</v>
      </c>
      <c r="AK35" s="89" t="s">
        <v>371</v>
      </c>
      <c r="AL35" s="258"/>
      <c r="AM35" s="258"/>
      <c r="AN35" s="258"/>
      <c r="AO35" s="258"/>
      <c r="AP35" s="258"/>
      <c r="AQ35" s="258"/>
      <c r="AR35" s="258"/>
      <c r="AS35" s="258"/>
      <c r="AT35" s="258"/>
      <c r="AU35" s="258"/>
      <c r="AV35" s="258"/>
      <c r="AW35" s="258"/>
      <c r="AX35" s="258"/>
      <c r="AY35" s="258"/>
      <c r="AZ35" s="258"/>
      <c r="BA35" s="258"/>
      <c r="BB35" s="258"/>
      <c r="BC35" s="258"/>
      <c r="BD35" s="258"/>
      <c r="BE35" s="258"/>
      <c r="BF35" s="258"/>
      <c r="BG35" s="258"/>
      <c r="BH35" s="258"/>
      <c r="BI35" s="258"/>
      <c r="BJ35" s="258"/>
      <c r="BK35" s="258"/>
      <c r="BL35" s="258"/>
      <c r="BM35" s="258"/>
      <c r="BN35" s="258"/>
      <c r="BO35" s="258"/>
      <c r="BP35" s="258"/>
      <c r="BQ35" s="258"/>
      <c r="BR35" s="258"/>
      <c r="BS35" s="258"/>
      <c r="BT35" s="258"/>
      <c r="BU35" s="258"/>
      <c r="BV35" s="258"/>
      <c r="BW35" s="258"/>
      <c r="BX35" s="258"/>
      <c r="BY35" s="258"/>
      <c r="BZ35" s="258"/>
      <c r="CA35" s="258"/>
      <c r="CB35" s="258"/>
      <c r="CC35" s="258"/>
      <c r="CD35" s="258"/>
      <c r="CE35" s="258"/>
      <c r="CF35" s="258"/>
      <c r="CG35" s="258"/>
    </row>
    <row r="36" spans="1:85" ht="60">
      <c r="A36" s="41"/>
      <c r="B36" s="42" t="s">
        <v>89</v>
      </c>
      <c r="C36" s="42" t="s">
        <v>181</v>
      </c>
      <c r="D36" s="91" t="s">
        <v>104</v>
      </c>
      <c r="E36" s="42" t="s">
        <v>182</v>
      </c>
      <c r="F36" s="91" t="s">
        <v>104</v>
      </c>
      <c r="G36" s="42" t="s">
        <v>183</v>
      </c>
      <c r="H36" s="91" t="s">
        <v>104</v>
      </c>
      <c r="I36" s="42" t="s">
        <v>357</v>
      </c>
      <c r="J36" s="91" t="s">
        <v>104</v>
      </c>
      <c r="K36" s="68" t="s">
        <v>89</v>
      </c>
      <c r="L36" s="68" t="s">
        <v>181</v>
      </c>
      <c r="M36" s="90" t="s">
        <v>104</v>
      </c>
      <c r="N36" s="68" t="s">
        <v>182</v>
      </c>
      <c r="O36" s="90" t="s">
        <v>104</v>
      </c>
      <c r="P36" s="68" t="s">
        <v>183</v>
      </c>
      <c r="Q36" s="90" t="s">
        <v>104</v>
      </c>
      <c r="R36" s="68" t="s">
        <v>357</v>
      </c>
      <c r="S36" s="90" t="s">
        <v>104</v>
      </c>
      <c r="T36" s="42" t="s">
        <v>89</v>
      </c>
      <c r="U36" s="42" t="s">
        <v>183</v>
      </c>
      <c r="V36" s="91" t="s">
        <v>104</v>
      </c>
      <c r="W36" s="42" t="s">
        <v>182</v>
      </c>
      <c r="X36" s="91" t="s">
        <v>104</v>
      </c>
      <c r="Y36" s="42" t="s">
        <v>181</v>
      </c>
      <c r="Z36" s="91" t="s">
        <v>104</v>
      </c>
      <c r="AA36" s="42" t="s">
        <v>357</v>
      </c>
      <c r="AB36" s="91" t="s">
        <v>104</v>
      </c>
      <c r="AC36" s="42" t="s">
        <v>89</v>
      </c>
      <c r="AD36" s="42" t="s">
        <v>422</v>
      </c>
      <c r="AE36" s="91" t="s">
        <v>104</v>
      </c>
      <c r="AF36" s="42" t="s">
        <v>424</v>
      </c>
      <c r="AG36" s="91" t="s">
        <v>104</v>
      </c>
      <c r="AH36" s="42" t="s">
        <v>181</v>
      </c>
      <c r="AI36" s="91" t="s">
        <v>104</v>
      </c>
      <c r="AJ36" s="42" t="s">
        <v>357</v>
      </c>
      <c r="AK36" s="91" t="s">
        <v>104</v>
      </c>
    </row>
    <row r="37" spans="1:85">
      <c r="A37" s="45" t="s">
        <v>436</v>
      </c>
      <c r="B37" s="213">
        <v>10987</v>
      </c>
      <c r="C37" s="217">
        <v>0.14499999999999999</v>
      </c>
      <c r="D37" s="94">
        <v>6.7195320495849918E-3</v>
      </c>
      <c r="E37" s="217">
        <v>0.17499999999999999</v>
      </c>
      <c r="F37" s="94">
        <v>7.2505837198073879E-3</v>
      </c>
      <c r="G37" s="217">
        <v>0.58299999999999996</v>
      </c>
      <c r="H37" s="94">
        <v>9.4062858935187836E-3</v>
      </c>
      <c r="I37" s="217">
        <v>9.7000000000000003E-2</v>
      </c>
      <c r="J37" s="94">
        <v>5.6498113137452479E-3</v>
      </c>
      <c r="K37" s="213">
        <v>10973</v>
      </c>
      <c r="L37" s="217">
        <v>9.4E-2</v>
      </c>
      <c r="M37" s="94">
        <v>5.574709286512893E-3</v>
      </c>
      <c r="N37" s="217">
        <v>0.17399999999999999</v>
      </c>
      <c r="O37" s="94">
        <v>7.2388533801420046E-3</v>
      </c>
      <c r="P37" s="217">
        <v>0.68300000000000005</v>
      </c>
      <c r="Q37" s="94">
        <v>8.8828559436392226E-3</v>
      </c>
      <c r="R37" s="217">
        <v>4.8000000000000001E-2</v>
      </c>
      <c r="S37" s="94">
        <v>4.0872719165296447E-3</v>
      </c>
      <c r="T37" s="213">
        <v>10981</v>
      </c>
      <c r="U37" s="217">
        <v>0.315</v>
      </c>
      <c r="V37" s="94">
        <v>8.8645277740618655E-3</v>
      </c>
      <c r="W37" s="217">
        <v>0.25700000000000001</v>
      </c>
      <c r="X37" s="94">
        <v>8.3394963339389408E-3</v>
      </c>
      <c r="Y37" s="217">
        <v>0.33099999999999996</v>
      </c>
      <c r="Z37" s="94">
        <v>8.9800222557315443E-3</v>
      </c>
      <c r="AA37" s="217">
        <v>9.6000000000000002E-2</v>
      </c>
      <c r="AB37" s="94">
        <v>5.6253164334750284E-3</v>
      </c>
      <c r="AC37" s="213">
        <v>10981</v>
      </c>
      <c r="AD37" s="217">
        <v>0.13900000000000001</v>
      </c>
      <c r="AE37" s="94">
        <v>6.6040605169667152E-3</v>
      </c>
      <c r="AF37" s="217">
        <v>0.433</v>
      </c>
      <c r="AG37" s="94">
        <v>9.4551480529282261E-3</v>
      </c>
      <c r="AH37" s="217">
        <v>0.33099999999999996</v>
      </c>
      <c r="AI37" s="94">
        <v>8.9800222557315443E-3</v>
      </c>
      <c r="AJ37" s="217">
        <v>9.6000000000000002E-2</v>
      </c>
      <c r="AK37" s="94">
        <v>5.6253164334750284E-3</v>
      </c>
    </row>
    <row r="38" spans="1:85">
      <c r="A38" s="49" t="s">
        <v>437</v>
      </c>
      <c r="B38" s="214">
        <v>8842</v>
      </c>
      <c r="C38" s="218">
        <v>0.158</v>
      </c>
      <c r="D38" s="97">
        <v>7.7591413800206155E-3</v>
      </c>
      <c r="E38" s="218">
        <v>0.16500000000000001</v>
      </c>
      <c r="F38" s="97">
        <v>7.8958993714297859E-3</v>
      </c>
      <c r="G38" s="218">
        <v>0.60299999999999998</v>
      </c>
      <c r="H38" s="97">
        <v>1.0404450260556355E-2</v>
      </c>
      <c r="I38" s="218">
        <v>7.4999999999999997E-2</v>
      </c>
      <c r="J38" s="97">
        <v>5.6074912643168575E-3</v>
      </c>
      <c r="K38" s="214">
        <v>8827</v>
      </c>
      <c r="L38" s="218">
        <v>0.10199999999999999</v>
      </c>
      <c r="M38" s="97">
        <v>6.4461908050648499E-3</v>
      </c>
      <c r="N38" s="218">
        <v>0.17100000000000001</v>
      </c>
      <c r="O38" s="97">
        <v>8.0158667611005298E-3</v>
      </c>
      <c r="P38" s="218">
        <v>0.68400000000000005</v>
      </c>
      <c r="Q38" s="97">
        <v>9.8952654435714073E-3</v>
      </c>
      <c r="R38" s="218">
        <v>4.2000000000000003E-2</v>
      </c>
      <c r="S38" s="97">
        <v>4.2791286444487106E-3</v>
      </c>
      <c r="T38" s="214">
        <v>8833</v>
      </c>
      <c r="U38" s="218">
        <v>0.29600000000000004</v>
      </c>
      <c r="V38" s="97">
        <v>9.7129018349856946E-3</v>
      </c>
      <c r="W38" s="218">
        <v>0.26300000000000001</v>
      </c>
      <c r="X38" s="97">
        <v>9.3679838122847064E-3</v>
      </c>
      <c r="Y38" s="218">
        <v>0.36299999999999999</v>
      </c>
      <c r="Z38" s="97">
        <v>1.0230963824209079E-2</v>
      </c>
      <c r="AA38" s="218">
        <v>7.6999999999999999E-2</v>
      </c>
      <c r="AB38" s="97">
        <v>5.6782958731589834E-3</v>
      </c>
      <c r="AC38" s="214">
        <v>8833</v>
      </c>
      <c r="AD38" s="218">
        <v>0.13900000000000001</v>
      </c>
      <c r="AE38" s="97">
        <v>7.3637739859551731E-3</v>
      </c>
      <c r="AF38" s="218">
        <v>0.42000000000000004</v>
      </c>
      <c r="AG38" s="97">
        <v>1.0500775498720836E-2</v>
      </c>
      <c r="AH38" s="218">
        <v>0.36299999999999999</v>
      </c>
      <c r="AI38" s="97">
        <v>1.0230963824209079E-2</v>
      </c>
      <c r="AJ38" s="218">
        <v>7.6999999999999999E-2</v>
      </c>
      <c r="AK38" s="97">
        <v>5.6782958731589834E-3</v>
      </c>
    </row>
    <row r="39" spans="1:85">
      <c r="A39" s="45" t="s">
        <v>438</v>
      </c>
      <c r="B39" s="213">
        <v>1984</v>
      </c>
      <c r="C39" s="217">
        <v>0.10879999999999999</v>
      </c>
      <c r="D39" s="94">
        <v>1.401190821998686E-2</v>
      </c>
      <c r="E39" s="217">
        <v>0.19539999999999999</v>
      </c>
      <c r="F39" s="94">
        <v>1.7806913698721335E-2</v>
      </c>
      <c r="G39" s="217">
        <v>0.57989999999999997</v>
      </c>
      <c r="H39" s="94">
        <v>2.2141017515266453E-2</v>
      </c>
      <c r="I39" s="217">
        <v>0.11600000000000001</v>
      </c>
      <c r="J39" s="94">
        <v>1.4405508904591561E-2</v>
      </c>
      <c r="K39" s="213">
        <v>1981</v>
      </c>
      <c r="L39" s="217">
        <v>7.3099999999999998E-2</v>
      </c>
      <c r="M39" s="94">
        <v>1.1747994782939288E-2</v>
      </c>
      <c r="N39" s="217">
        <v>0.16159999999999999</v>
      </c>
      <c r="O39" s="94">
        <v>1.6551362367851055E-2</v>
      </c>
      <c r="P39" s="217">
        <v>0.70489999999999997</v>
      </c>
      <c r="Q39" s="94">
        <v>2.048210004751546E-2</v>
      </c>
      <c r="R39" s="217">
        <v>6.0499999999999998E-2</v>
      </c>
      <c r="S39" s="94">
        <v>1.0775234711713703E-2</v>
      </c>
      <c r="T39" s="213">
        <v>1984</v>
      </c>
      <c r="U39" s="217">
        <v>0.31230000000000002</v>
      </c>
      <c r="V39" s="94">
        <v>2.0794594909042025E-2</v>
      </c>
      <c r="W39" s="217">
        <v>0.24210000000000001</v>
      </c>
      <c r="X39" s="94">
        <v>1.9228320845557947E-2</v>
      </c>
      <c r="Y39" s="217">
        <v>0.32650000000000001</v>
      </c>
      <c r="Z39" s="94">
        <v>2.1040287308778854E-2</v>
      </c>
      <c r="AA39" s="217">
        <v>0.1191</v>
      </c>
      <c r="AB39" s="94">
        <v>1.4569506269332963E-2</v>
      </c>
      <c r="AC39" s="213">
        <v>1984</v>
      </c>
      <c r="AD39" s="217">
        <v>0.1326</v>
      </c>
      <c r="AE39" s="94">
        <v>1.5248437840105598E-2</v>
      </c>
      <c r="AF39" s="217">
        <v>0.42180000000000001</v>
      </c>
      <c r="AG39" s="94">
        <v>2.2153177363820935E-2</v>
      </c>
      <c r="AH39" s="217">
        <v>0.32650000000000001</v>
      </c>
      <c r="AI39" s="94">
        <v>2.1040287308778854E-2</v>
      </c>
      <c r="AJ39" s="217">
        <v>0.1191</v>
      </c>
      <c r="AK39" s="94">
        <v>1.4569506269332963E-2</v>
      </c>
    </row>
    <row r="40" spans="1:85">
      <c r="A40" s="49" t="s">
        <v>439</v>
      </c>
      <c r="B40" s="214">
        <v>3918</v>
      </c>
      <c r="C40" s="218">
        <v>0.127</v>
      </c>
      <c r="D40" s="97">
        <v>1.0647312806042369E-2</v>
      </c>
      <c r="E40" s="218">
        <v>0.153</v>
      </c>
      <c r="F40" s="97">
        <v>1.150733008513022E-2</v>
      </c>
      <c r="G40" s="218">
        <v>0.61599999999999999</v>
      </c>
      <c r="H40" s="97">
        <v>1.5533071862750899E-2</v>
      </c>
      <c r="I40" s="218">
        <v>0.10299999999999999</v>
      </c>
      <c r="J40" s="97">
        <v>9.7239996060623276E-3</v>
      </c>
      <c r="K40" s="214">
        <v>3920</v>
      </c>
      <c r="L40" s="218">
        <v>8.7999999999999995E-2</v>
      </c>
      <c r="M40" s="97">
        <v>9.0643799294009338E-3</v>
      </c>
      <c r="N40" s="218">
        <v>0.16400000000000001</v>
      </c>
      <c r="O40" s="97">
        <v>1.1831903166628459E-2</v>
      </c>
      <c r="P40" s="218">
        <v>0.69</v>
      </c>
      <c r="Q40" s="97">
        <v>1.4768811700297297E-2</v>
      </c>
      <c r="R40" s="218">
        <v>5.7000000000000002E-2</v>
      </c>
      <c r="S40" s="97">
        <v>7.4296493918062211E-3</v>
      </c>
      <c r="T40" s="214">
        <v>3902</v>
      </c>
      <c r="U40" s="218">
        <v>0.311</v>
      </c>
      <c r="V40" s="97">
        <v>1.4815890910814358E-2</v>
      </c>
      <c r="W40" s="218">
        <v>0.23899999999999999</v>
      </c>
      <c r="X40" s="97">
        <v>1.3652795376986927E-2</v>
      </c>
      <c r="Y40" s="218">
        <v>0.33199999999999996</v>
      </c>
      <c r="Z40" s="97">
        <v>1.5072236944998594E-2</v>
      </c>
      <c r="AA40" s="218">
        <v>0.11799999999999999</v>
      </c>
      <c r="AB40" s="97">
        <v>1.0338595283203871E-2</v>
      </c>
      <c r="AC40" s="214">
        <v>3902</v>
      </c>
      <c r="AD40" s="218">
        <v>0.13500000000000001</v>
      </c>
      <c r="AE40" s="97">
        <v>1.0948266493853939E-2</v>
      </c>
      <c r="AF40" s="218">
        <v>0.41499999999999998</v>
      </c>
      <c r="AG40" s="97">
        <v>1.5768089853380952E-2</v>
      </c>
      <c r="AH40" s="218">
        <v>0.33199999999999996</v>
      </c>
      <c r="AI40" s="97">
        <v>1.5072236944998594E-2</v>
      </c>
      <c r="AJ40" s="218">
        <v>0.11799999999999999</v>
      </c>
      <c r="AK40" s="97">
        <v>1.0338595283203871E-2</v>
      </c>
    </row>
    <row r="41" spans="1:85">
      <c r="A41" s="45" t="s">
        <v>440</v>
      </c>
      <c r="B41" s="213">
        <v>3282</v>
      </c>
      <c r="C41" s="217">
        <v>0.13900000000000001</v>
      </c>
      <c r="D41" s="94">
        <v>1.2085920975576267E-2</v>
      </c>
      <c r="E41" s="217">
        <v>0.14000000000000001</v>
      </c>
      <c r="F41" s="94">
        <v>1.2122087823801741E-2</v>
      </c>
      <c r="G41" s="217">
        <v>0.63800000000000001</v>
      </c>
      <c r="H41" s="94">
        <v>1.6768893315241923E-2</v>
      </c>
      <c r="I41" s="217">
        <v>8.3000000000000004E-2</v>
      </c>
      <c r="J41" s="94">
        <v>9.6521412819251876E-3</v>
      </c>
      <c r="K41" s="213">
        <v>3284</v>
      </c>
      <c r="L41" s="217">
        <v>9.6000000000000002E-2</v>
      </c>
      <c r="M41" s="94">
        <v>1.0298517460256394E-2</v>
      </c>
      <c r="N41" s="217">
        <v>0.17</v>
      </c>
      <c r="O41" s="94">
        <v>1.3113986624010974E-2</v>
      </c>
      <c r="P41" s="217">
        <v>0.68200000000000005</v>
      </c>
      <c r="Q41" s="94">
        <v>1.6246150382533256E-2</v>
      </c>
      <c r="R41" s="217">
        <v>5.1999999999999998E-2</v>
      </c>
      <c r="S41" s="94">
        <v>7.7823208672137814E-3</v>
      </c>
      <c r="T41" s="213">
        <v>3265</v>
      </c>
      <c r="U41" s="217">
        <v>0.307</v>
      </c>
      <c r="V41" s="94">
        <v>1.6138059196008765E-2</v>
      </c>
      <c r="W41" s="217">
        <v>0.25800000000000001</v>
      </c>
      <c r="X41" s="94">
        <v>1.5310760015994731E-2</v>
      </c>
      <c r="Y41" s="217">
        <v>0.34099999999999997</v>
      </c>
      <c r="Z41" s="94">
        <v>1.6584491925269257E-2</v>
      </c>
      <c r="AA41" s="217">
        <v>9.5000000000000001E-2</v>
      </c>
      <c r="AB41" s="94">
        <v>1.0280624237806683E-2</v>
      </c>
      <c r="AC41" s="213">
        <v>3265</v>
      </c>
      <c r="AD41" s="217">
        <v>0.13400000000000001</v>
      </c>
      <c r="AE41" s="94">
        <v>1.1932902081273195E-2</v>
      </c>
      <c r="AF41" s="217">
        <v>0.43099999999999999</v>
      </c>
      <c r="AG41" s="94">
        <v>1.7323179828343943E-2</v>
      </c>
      <c r="AH41" s="217">
        <v>0.34099999999999997</v>
      </c>
      <c r="AI41" s="94">
        <v>1.6584491925269257E-2</v>
      </c>
      <c r="AJ41" s="217">
        <v>9.5000000000000001E-2</v>
      </c>
      <c r="AK41" s="94">
        <v>1.0280624237806683E-2</v>
      </c>
    </row>
    <row r="42" spans="1:85">
      <c r="A42" s="49" t="s">
        <v>452</v>
      </c>
      <c r="B42" s="214">
        <v>578</v>
      </c>
      <c r="C42" s="218">
        <v>0.124</v>
      </c>
      <c r="D42" s="97">
        <v>2.7565683465291816E-2</v>
      </c>
      <c r="E42" s="218">
        <v>0.129</v>
      </c>
      <c r="F42" s="97">
        <v>2.8021159271275464E-2</v>
      </c>
      <c r="G42" s="218">
        <v>0.60099999999999998</v>
      </c>
      <c r="H42" s="97">
        <v>4.0608662769539151E-2</v>
      </c>
      <c r="I42" s="218">
        <v>0.14699999999999999</v>
      </c>
      <c r="J42" s="97">
        <v>2.955546390022986E-2</v>
      </c>
      <c r="K42" s="214">
        <v>575</v>
      </c>
      <c r="L42" s="218">
        <v>9.4E-2</v>
      </c>
      <c r="M42" s="97">
        <v>2.457706636536772E-2</v>
      </c>
      <c r="N42" s="218">
        <v>0.184</v>
      </c>
      <c r="O42" s="97">
        <v>3.2353716181643198E-2</v>
      </c>
      <c r="P42" s="218">
        <v>0.64700000000000002</v>
      </c>
      <c r="Q42" s="97">
        <v>3.9747783298657968E-2</v>
      </c>
      <c r="R42" s="218">
        <v>7.3999999999999996E-2</v>
      </c>
      <c r="S42" s="97">
        <v>2.2150806585003173E-2</v>
      </c>
      <c r="T42" s="214">
        <v>570</v>
      </c>
      <c r="U42" s="218">
        <v>0.38900000000000001</v>
      </c>
      <c r="V42" s="97">
        <v>4.0712309512002706E-2</v>
      </c>
      <c r="W42" s="218">
        <v>0.21299999999999999</v>
      </c>
      <c r="X42" s="97">
        <v>3.4294786836794669E-2</v>
      </c>
      <c r="Y42" s="218">
        <v>0.29199999999999998</v>
      </c>
      <c r="Z42" s="97">
        <v>3.8011265668573227E-2</v>
      </c>
      <c r="AA42" s="218">
        <v>0.107</v>
      </c>
      <c r="AB42" s="97">
        <v>2.6092317872624428E-2</v>
      </c>
      <c r="AC42" s="214">
        <v>570</v>
      </c>
      <c r="AD42" s="218">
        <v>0.13200000000000001</v>
      </c>
      <c r="AE42" s="97">
        <v>2.8487648286683133E-2</v>
      </c>
      <c r="AF42" s="218">
        <v>0.47</v>
      </c>
      <c r="AG42" s="97">
        <v>4.1665040605987219E-2</v>
      </c>
      <c r="AH42" s="218">
        <v>0.29199999999999998</v>
      </c>
      <c r="AI42" s="97">
        <v>3.8011265668573227E-2</v>
      </c>
      <c r="AJ42" s="218">
        <v>0.107</v>
      </c>
      <c r="AK42" s="97">
        <v>2.6092317872624428E-2</v>
      </c>
    </row>
    <row r="43" spans="1:85">
      <c r="A43" s="45" t="s">
        <v>441</v>
      </c>
      <c r="B43" s="213">
        <v>147</v>
      </c>
      <c r="C43" s="217">
        <v>9.0999999999999998E-2</v>
      </c>
      <c r="D43" s="94">
        <v>4.9222883955393426E-2</v>
      </c>
      <c r="E43" s="217">
        <v>0.112</v>
      </c>
      <c r="F43" s="94">
        <v>5.332052293793918E-2</v>
      </c>
      <c r="G43" s="217">
        <v>0.54500000000000004</v>
      </c>
      <c r="H43" s="94">
        <v>8.1065889933269505E-2</v>
      </c>
      <c r="I43" s="217">
        <v>0.252</v>
      </c>
      <c r="J43" s="94">
        <v>7.1263215343704542E-2</v>
      </c>
      <c r="K43" s="213">
        <v>148</v>
      </c>
      <c r="L43" s="217">
        <v>5.0999999999999997E-2</v>
      </c>
      <c r="M43" s="94">
        <v>3.9360000423379997E-2</v>
      </c>
      <c r="N43" s="217">
        <v>0.16300000000000001</v>
      </c>
      <c r="O43" s="94">
        <v>6.1200633574615818E-2</v>
      </c>
      <c r="P43" s="217">
        <v>0.69799999999999995</v>
      </c>
      <c r="Q43" s="94">
        <v>7.4838812551510564E-2</v>
      </c>
      <c r="R43" s="217">
        <v>8.7999999999999995E-2</v>
      </c>
      <c r="S43" s="94">
        <v>4.8414967099219892E-2</v>
      </c>
      <c r="T43" s="213">
        <v>148</v>
      </c>
      <c r="U43" s="217">
        <v>0.26500000000000001</v>
      </c>
      <c r="V43" s="94">
        <v>7.2118932197106966E-2</v>
      </c>
      <c r="W43" s="217">
        <v>0.14599999999999999</v>
      </c>
      <c r="X43" s="94">
        <v>5.8757484408785698E-2</v>
      </c>
      <c r="Y43" s="217">
        <v>0.41000000000000003</v>
      </c>
      <c r="Z43" s="94">
        <v>7.9855248380921798E-2</v>
      </c>
      <c r="AA43" s="217">
        <v>0.17899999999999999</v>
      </c>
      <c r="AB43" s="94">
        <v>6.3310191349932959E-2</v>
      </c>
      <c r="AC43" s="213">
        <v>148</v>
      </c>
      <c r="AD43" s="217">
        <v>9.8000000000000004E-2</v>
      </c>
      <c r="AE43" s="94">
        <v>5.0468739557740283E-2</v>
      </c>
      <c r="AF43" s="217">
        <v>0.313</v>
      </c>
      <c r="AG43" s="94">
        <v>7.5541424140597696E-2</v>
      </c>
      <c r="AH43" s="217">
        <v>0.41000000000000003</v>
      </c>
      <c r="AI43" s="94">
        <v>7.9855248380921798E-2</v>
      </c>
      <c r="AJ43" s="217">
        <v>0.17899999999999999</v>
      </c>
      <c r="AK43" s="94">
        <v>6.3310191349932959E-2</v>
      </c>
    </row>
    <row r="44" spans="1:85">
      <c r="A44" s="49" t="s">
        <v>442</v>
      </c>
      <c r="B44" s="214">
        <v>109</v>
      </c>
      <c r="C44" s="218">
        <v>3.5000000000000003E-2</v>
      </c>
      <c r="D44" s="97">
        <v>4.1567527819600616E-2</v>
      </c>
      <c r="E44" s="218">
        <v>4.1000000000000002E-2</v>
      </c>
      <c r="F44" s="97">
        <v>4.3708802468723301E-2</v>
      </c>
      <c r="G44" s="218">
        <v>0.81699999999999995</v>
      </c>
      <c r="H44" s="97">
        <v>7.4429832558150791E-2</v>
      </c>
      <c r="I44" s="218">
        <v>0.106</v>
      </c>
      <c r="J44" s="97">
        <v>6.1127935823119664E-2</v>
      </c>
      <c r="K44" s="214">
        <v>108</v>
      </c>
      <c r="L44" s="218">
        <v>4.4999999999999998E-2</v>
      </c>
      <c r="M44" s="97">
        <v>4.5315732643310534E-2</v>
      </c>
      <c r="N44" s="218">
        <v>0.10100000000000001</v>
      </c>
      <c r="O44" s="97">
        <v>6.0346451398806969E-2</v>
      </c>
      <c r="P44" s="218">
        <v>0.72799999999999998</v>
      </c>
      <c r="Q44" s="97">
        <v>8.4866036605324102E-2</v>
      </c>
      <c r="R44" s="218">
        <v>0.127</v>
      </c>
      <c r="S44" s="97">
        <v>6.5637349247616966E-2</v>
      </c>
      <c r="T44" s="214">
        <v>103</v>
      </c>
      <c r="U44" s="218">
        <v>0.34099999999999997</v>
      </c>
      <c r="V44" s="97">
        <v>9.2032874658113925E-2</v>
      </c>
      <c r="W44" s="218">
        <v>0.16300000000000001</v>
      </c>
      <c r="X44" s="97">
        <v>7.3564372544706005E-2</v>
      </c>
      <c r="Y44" s="218">
        <v>0.39</v>
      </c>
      <c r="Z44" s="97">
        <v>9.448092585494762E-2</v>
      </c>
      <c r="AA44" s="218">
        <v>0.107</v>
      </c>
      <c r="AB44" s="97">
        <v>6.321089046238311E-2</v>
      </c>
      <c r="AC44" s="214">
        <v>103</v>
      </c>
      <c r="AD44" s="218">
        <v>0.12</v>
      </c>
      <c r="AE44" s="97">
        <v>6.5906890538875218E-2</v>
      </c>
      <c r="AF44" s="218">
        <v>0.38400000000000001</v>
      </c>
      <c r="AG44" s="97">
        <v>9.4232016562089099E-2</v>
      </c>
      <c r="AH44" s="218">
        <v>0.39</v>
      </c>
      <c r="AI44" s="97">
        <v>9.448092585494762E-2</v>
      </c>
      <c r="AJ44" s="218">
        <v>0.107</v>
      </c>
      <c r="AK44" s="97">
        <v>6.321089046238311E-2</v>
      </c>
    </row>
    <row r="45" spans="1:85">
      <c r="A45" s="45" t="s">
        <v>443</v>
      </c>
      <c r="B45" s="213">
        <v>121</v>
      </c>
      <c r="C45" s="217">
        <v>0.14499999999999999</v>
      </c>
      <c r="D45" s="94">
        <v>6.4970528801911412E-2</v>
      </c>
      <c r="E45" s="217">
        <v>0.245</v>
      </c>
      <c r="F45" s="94">
        <v>7.7783291655727713E-2</v>
      </c>
      <c r="G45" s="217">
        <v>0.52900000000000003</v>
      </c>
      <c r="H45" s="94">
        <v>8.9301639459261881E-2</v>
      </c>
      <c r="I45" s="217">
        <v>0.08</v>
      </c>
      <c r="J45" s="94">
        <v>5.206425765148294E-2</v>
      </c>
      <c r="K45" s="213">
        <v>120</v>
      </c>
      <c r="L45" s="217">
        <v>0.185</v>
      </c>
      <c r="M45" s="94">
        <v>7.118203857403238E-2</v>
      </c>
      <c r="N45" s="217">
        <v>0.19400000000000001</v>
      </c>
      <c r="O45" s="94">
        <v>7.2358336848052277E-2</v>
      </c>
      <c r="P45" s="217">
        <v>0.58099999999999996</v>
      </c>
      <c r="Q45" s="94">
        <v>8.8692193906667147E-2</v>
      </c>
      <c r="R45" s="217">
        <v>0.04</v>
      </c>
      <c r="S45" s="94">
        <v>4.0889870028089283E-2</v>
      </c>
      <c r="T45" s="213">
        <v>120</v>
      </c>
      <c r="U45" s="217">
        <v>0.45800000000000002</v>
      </c>
      <c r="V45" s="94">
        <v>8.950544601626452E-2</v>
      </c>
      <c r="W45" s="217">
        <v>0.31900000000000001</v>
      </c>
      <c r="X45" s="94">
        <v>8.411177708427707E-2</v>
      </c>
      <c r="Y45" s="217">
        <v>0.17300000000000001</v>
      </c>
      <c r="Z45" s="94">
        <v>6.9527988490815221E-2</v>
      </c>
      <c r="AA45" s="217">
        <v>0.05</v>
      </c>
      <c r="AB45" s="94">
        <v>4.4123652543421835E-2</v>
      </c>
      <c r="AC45" s="213">
        <v>120</v>
      </c>
      <c r="AD45" s="217">
        <v>0.22700000000000001</v>
      </c>
      <c r="AE45" s="94">
        <v>7.624277205099822E-2</v>
      </c>
      <c r="AF45" s="217">
        <v>0.55000000000000004</v>
      </c>
      <c r="AG45" s="94">
        <v>8.9381149933371123E-2</v>
      </c>
      <c r="AH45" s="217">
        <v>0.17300000000000001</v>
      </c>
      <c r="AI45" s="94">
        <v>6.9527988490815221E-2</v>
      </c>
      <c r="AJ45" s="217">
        <v>0.05</v>
      </c>
      <c r="AK45" s="94">
        <v>4.4123652543421835E-2</v>
      </c>
    </row>
    <row r="46" spans="1:85">
      <c r="A46" s="49" t="s">
        <v>444</v>
      </c>
      <c r="B46" s="214">
        <v>82</v>
      </c>
      <c r="C46" s="218">
        <v>0.14199999999999999</v>
      </c>
      <c r="D46" s="97">
        <v>7.8793510338321771E-2</v>
      </c>
      <c r="E46" s="218">
        <v>2.1999999999999999E-2</v>
      </c>
      <c r="F46" s="97">
        <v>4.4343290276620546E-2</v>
      </c>
      <c r="G46" s="218">
        <v>0.55500000000000005</v>
      </c>
      <c r="H46" s="97">
        <v>0.10723802069401554</v>
      </c>
      <c r="I46" s="218">
        <v>0.28000000000000003</v>
      </c>
      <c r="J46" s="97">
        <v>9.788403683317777E-2</v>
      </c>
      <c r="K46" s="214">
        <v>81</v>
      </c>
      <c r="L46" s="218">
        <v>0.08</v>
      </c>
      <c r="M46" s="97">
        <v>6.5011025071339851E-2</v>
      </c>
      <c r="N46" s="218">
        <v>0.17699999999999999</v>
      </c>
      <c r="O46" s="97">
        <v>8.5476975916118525E-2</v>
      </c>
      <c r="P46" s="218">
        <v>0.66500000000000004</v>
      </c>
      <c r="Q46" s="97">
        <v>0.10296248598025731</v>
      </c>
      <c r="R46" s="218">
        <v>7.9000000000000001E-2</v>
      </c>
      <c r="S46" s="97">
        <v>6.4734025914767013E-2</v>
      </c>
      <c r="T46" s="214">
        <v>82</v>
      </c>
      <c r="U46" s="218">
        <v>0.46300000000000002</v>
      </c>
      <c r="V46" s="97">
        <v>0.10756401819843263</v>
      </c>
      <c r="W46" s="218">
        <v>0.154</v>
      </c>
      <c r="X46" s="97">
        <v>8.1028673275665014E-2</v>
      </c>
      <c r="Y46" s="218">
        <v>0.27300000000000002</v>
      </c>
      <c r="Z46" s="97">
        <v>9.7205828382630685E-2</v>
      </c>
      <c r="AA46" s="218">
        <v>0.111</v>
      </c>
      <c r="AB46" s="97">
        <v>7.2313276661419942E-2</v>
      </c>
      <c r="AC46" s="214">
        <v>82</v>
      </c>
      <c r="AD46" s="218">
        <v>6.0999999999999999E-2</v>
      </c>
      <c r="AE46" s="97">
        <v>5.8979545318229923E-2</v>
      </c>
      <c r="AF46" s="218">
        <v>0.55600000000000005</v>
      </c>
      <c r="AG46" s="97">
        <v>0.1072161339652028</v>
      </c>
      <c r="AH46" s="218">
        <v>0.27300000000000002</v>
      </c>
      <c r="AI46" s="97">
        <v>9.7205828382630685E-2</v>
      </c>
      <c r="AJ46" s="218">
        <v>0.111</v>
      </c>
      <c r="AK46" s="97">
        <v>7.2313276661419942E-2</v>
      </c>
    </row>
    <row r="47" spans="1:85">
      <c r="A47" s="45" t="s">
        <v>445</v>
      </c>
      <c r="B47" s="213">
        <v>123</v>
      </c>
      <c r="C47" s="217">
        <v>0.249</v>
      </c>
      <c r="D47" s="94">
        <v>7.7541976401942173E-2</v>
      </c>
      <c r="E47" s="217">
        <v>0.11600000000000001</v>
      </c>
      <c r="F47" s="94">
        <v>5.9310019677622922E-2</v>
      </c>
      <c r="G47" s="217">
        <v>0.57399999999999995</v>
      </c>
      <c r="H47" s="94">
        <v>8.7819340807203869E-2</v>
      </c>
      <c r="I47" s="217">
        <v>6.2E-2</v>
      </c>
      <c r="J47" s="94">
        <v>4.6971377375563443E-2</v>
      </c>
      <c r="K47" s="213">
        <v>122</v>
      </c>
      <c r="L47" s="217">
        <v>0.1</v>
      </c>
      <c r="M47" s="94">
        <v>5.6342907181297877E-2</v>
      </c>
      <c r="N47" s="217">
        <v>0.27600000000000002</v>
      </c>
      <c r="O47" s="94">
        <v>8.0269231464430144E-2</v>
      </c>
      <c r="P47" s="217">
        <v>0.57499999999999996</v>
      </c>
      <c r="Q47" s="94">
        <v>8.8142466554158069E-2</v>
      </c>
      <c r="R47" s="217">
        <v>4.9000000000000002E-2</v>
      </c>
      <c r="S47" s="94">
        <v>4.3391301716448269E-2</v>
      </c>
      <c r="T47" s="213">
        <v>121</v>
      </c>
      <c r="U47" s="217">
        <v>0.40900000000000003</v>
      </c>
      <c r="V47" s="94">
        <v>8.8043717187497261E-2</v>
      </c>
      <c r="W47" s="217">
        <v>0.2</v>
      </c>
      <c r="X47" s="94">
        <v>7.281051352655056E-2</v>
      </c>
      <c r="Y47" s="217">
        <v>0.29300000000000004</v>
      </c>
      <c r="Z47" s="94">
        <v>8.1946218191982487E-2</v>
      </c>
      <c r="AA47" s="217">
        <v>9.8000000000000004E-2</v>
      </c>
      <c r="AB47" s="94">
        <v>5.6163525104181274E-2</v>
      </c>
      <c r="AC47" s="213">
        <v>121</v>
      </c>
      <c r="AD47" s="217">
        <v>9.0999999999999998E-2</v>
      </c>
      <c r="AE47" s="94">
        <v>5.46270814174801E-2</v>
      </c>
      <c r="AF47" s="217">
        <v>0.51800000000000002</v>
      </c>
      <c r="AG47" s="94">
        <v>8.9388393738605687E-2</v>
      </c>
      <c r="AH47" s="217">
        <v>0.29300000000000004</v>
      </c>
      <c r="AI47" s="94">
        <v>8.1946218191982487E-2</v>
      </c>
      <c r="AJ47" s="217">
        <v>9.8000000000000004E-2</v>
      </c>
      <c r="AK47" s="94">
        <v>5.6163525104181274E-2</v>
      </c>
    </row>
    <row r="48" spans="1:85">
      <c r="A48" s="49" t="s">
        <v>453</v>
      </c>
      <c r="B48" s="214">
        <v>957</v>
      </c>
      <c r="C48" s="218">
        <v>8.4000000000000005E-2</v>
      </c>
      <c r="D48" s="97">
        <v>1.806240016171317E-2</v>
      </c>
      <c r="E48" s="218">
        <v>0.129</v>
      </c>
      <c r="F48" s="97">
        <v>2.1735562399550514E-2</v>
      </c>
      <c r="G48" s="218">
        <v>0.73</v>
      </c>
      <c r="H48" s="97">
        <v>2.8674458870909296E-2</v>
      </c>
      <c r="I48" s="218">
        <v>5.7000000000000002E-2</v>
      </c>
      <c r="J48" s="97">
        <v>1.5182731104651799E-2</v>
      </c>
      <c r="K48" s="214">
        <v>958</v>
      </c>
      <c r="L48" s="218">
        <v>5.5E-2</v>
      </c>
      <c r="M48" s="97">
        <v>1.4931354206224658E-2</v>
      </c>
      <c r="N48" s="218">
        <v>0.17899999999999999</v>
      </c>
      <c r="O48" s="97">
        <v>2.4791362953208159E-2</v>
      </c>
      <c r="P48" s="218">
        <v>0.73499999999999999</v>
      </c>
      <c r="Q48" s="97">
        <v>2.8491768280828417E-2</v>
      </c>
      <c r="R48" s="218">
        <v>3.2000000000000001E-2</v>
      </c>
      <c r="S48" s="97">
        <v>1.1677157312877641E-2</v>
      </c>
      <c r="T48" s="214">
        <v>950</v>
      </c>
      <c r="U48" s="218">
        <v>0.28500000000000003</v>
      </c>
      <c r="V48" s="97">
        <v>2.9257894588270116E-2</v>
      </c>
      <c r="W48" s="218">
        <v>0.26200000000000001</v>
      </c>
      <c r="X48" s="97">
        <v>2.8507971321501645E-2</v>
      </c>
      <c r="Y48" s="218">
        <v>0.35</v>
      </c>
      <c r="Z48" s="97">
        <v>3.0897699852060978E-2</v>
      </c>
      <c r="AA48" s="218">
        <v>0.10299999999999999</v>
      </c>
      <c r="AB48" s="97">
        <v>1.9822048792162438E-2</v>
      </c>
      <c r="AC48" s="214">
        <v>950</v>
      </c>
      <c r="AD48" s="218">
        <v>0.11700000000000001</v>
      </c>
      <c r="AE48" s="97">
        <v>2.0936012889586519E-2</v>
      </c>
      <c r="AF48" s="218">
        <v>0.43000000000000005</v>
      </c>
      <c r="AG48" s="97">
        <v>3.2060019970664939E-2</v>
      </c>
      <c r="AH48" s="218">
        <v>0.35</v>
      </c>
      <c r="AI48" s="97">
        <v>3.0897699852060978E-2</v>
      </c>
      <c r="AJ48" s="218">
        <v>0.10299999999999999</v>
      </c>
      <c r="AK48" s="97">
        <v>1.9822048792162438E-2</v>
      </c>
    </row>
    <row r="49" spans="1:37">
      <c r="A49" s="45" t="s">
        <v>446</v>
      </c>
      <c r="B49" s="213">
        <v>104</v>
      </c>
      <c r="C49" s="217">
        <v>7.3999999999999996E-2</v>
      </c>
      <c r="D49" s="94">
        <v>5.5014384783894789E-2</v>
      </c>
      <c r="E49" s="217">
        <v>6.4000000000000001E-2</v>
      </c>
      <c r="F49" s="94">
        <v>5.2254513360471107E-2</v>
      </c>
      <c r="G49" s="217">
        <v>0.83699999999999997</v>
      </c>
      <c r="H49" s="94">
        <v>7.3203858211047745E-2</v>
      </c>
      <c r="I49" s="217">
        <v>2.5000000000000001E-2</v>
      </c>
      <c r="J49" s="94">
        <v>3.8862751684297057E-2</v>
      </c>
      <c r="K49" s="213">
        <v>104</v>
      </c>
      <c r="L49" s="217">
        <v>5.0999999999999997E-2</v>
      </c>
      <c r="M49" s="94">
        <v>4.8326000526435708E-2</v>
      </c>
      <c r="N49" s="217">
        <v>0.23699999999999999</v>
      </c>
      <c r="O49" s="94">
        <v>8.2968032130063415E-2</v>
      </c>
      <c r="P49" s="217">
        <v>0.65100000000000002</v>
      </c>
      <c r="Q49" s="94">
        <v>9.2066136829889095E-2</v>
      </c>
      <c r="R49" s="217">
        <v>6.0999999999999999E-2</v>
      </c>
      <c r="S49" s="94">
        <v>5.1384630256444137E-2</v>
      </c>
      <c r="T49" s="213">
        <v>101</v>
      </c>
      <c r="U49" s="217">
        <v>0.214</v>
      </c>
      <c r="V49" s="94">
        <v>8.1490255327995365E-2</v>
      </c>
      <c r="W49" s="217">
        <v>0.20499999999999999</v>
      </c>
      <c r="X49" s="94">
        <v>8.0351414224291318E-2</v>
      </c>
      <c r="Y49" s="217">
        <v>0.43</v>
      </c>
      <c r="Z49" s="94">
        <v>9.6701055733090013E-2</v>
      </c>
      <c r="AA49" s="217">
        <v>0.152</v>
      </c>
      <c r="AB49" s="94">
        <v>7.249229045165502E-2</v>
      </c>
      <c r="AC49" s="213">
        <v>101</v>
      </c>
      <c r="AD49" s="217">
        <v>0.109</v>
      </c>
      <c r="AE49" s="94">
        <v>6.4304397560520102E-2</v>
      </c>
      <c r="AF49" s="217">
        <v>0.31</v>
      </c>
      <c r="AG49" s="94">
        <v>9.0836972998527721E-2</v>
      </c>
      <c r="AH49" s="217">
        <v>0.43</v>
      </c>
      <c r="AI49" s="94">
        <v>9.6701055733090013E-2</v>
      </c>
      <c r="AJ49" s="217">
        <v>0.152</v>
      </c>
      <c r="AK49" s="94">
        <v>7.249229045165502E-2</v>
      </c>
    </row>
    <row r="50" spans="1:37">
      <c r="A50" s="49" t="s">
        <v>447</v>
      </c>
      <c r="B50" s="214">
        <v>197</v>
      </c>
      <c r="C50" s="218">
        <v>8.3000000000000004E-2</v>
      </c>
      <c r="D50" s="97">
        <v>4.0632582567747558E-2</v>
      </c>
      <c r="E50" s="218">
        <v>0.159</v>
      </c>
      <c r="F50" s="97">
        <v>5.2461983157703736E-2</v>
      </c>
      <c r="G50" s="218">
        <v>0.70499999999999996</v>
      </c>
      <c r="H50" s="97">
        <v>6.4589171444839028E-2</v>
      </c>
      <c r="I50" s="218">
        <v>5.2999999999999999E-2</v>
      </c>
      <c r="J50" s="97">
        <v>3.3992819463117753E-2</v>
      </c>
      <c r="K50" s="214">
        <v>198</v>
      </c>
      <c r="L50" s="218">
        <v>6.4000000000000001E-2</v>
      </c>
      <c r="M50" s="97">
        <v>3.6521528795910793E-2</v>
      </c>
      <c r="N50" s="218">
        <v>0.253</v>
      </c>
      <c r="O50" s="97">
        <v>6.1561090203730913E-2</v>
      </c>
      <c r="P50" s="218">
        <v>0.65700000000000003</v>
      </c>
      <c r="Q50" s="97">
        <v>6.6944270112153551E-2</v>
      </c>
      <c r="R50" s="218">
        <v>2.5999999999999999E-2</v>
      </c>
      <c r="S50" s="97">
        <v>2.5998461419770334E-2</v>
      </c>
      <c r="T50" s="214">
        <v>197</v>
      </c>
      <c r="U50" s="218">
        <v>0.34799999999999998</v>
      </c>
      <c r="V50" s="97">
        <v>6.733098054849955E-2</v>
      </c>
      <c r="W50" s="218">
        <v>0.36199999999999999</v>
      </c>
      <c r="X50" s="97">
        <v>6.7904883455967541E-2</v>
      </c>
      <c r="Y50" s="218">
        <v>0.23499999999999999</v>
      </c>
      <c r="Z50" s="97">
        <v>6.0271725288978104E-2</v>
      </c>
      <c r="AA50" s="218">
        <v>5.5E-2</v>
      </c>
      <c r="AB50" s="97">
        <v>3.4490800053442745E-2</v>
      </c>
      <c r="AC50" s="214">
        <v>197</v>
      </c>
      <c r="AD50" s="218">
        <v>0.13900000000000001</v>
      </c>
      <c r="AE50" s="97">
        <v>4.9838404435483361E-2</v>
      </c>
      <c r="AF50" s="218">
        <v>0.57099999999999995</v>
      </c>
      <c r="AG50" s="97">
        <v>6.984811388667711E-2</v>
      </c>
      <c r="AH50" s="218">
        <v>0.23499999999999999</v>
      </c>
      <c r="AI50" s="97">
        <v>6.0271725288978104E-2</v>
      </c>
      <c r="AJ50" s="218">
        <v>5.5E-2</v>
      </c>
      <c r="AK50" s="97">
        <v>3.4490800053442745E-2</v>
      </c>
    </row>
    <row r="51" spans="1:37">
      <c r="A51" s="57" t="s">
        <v>448</v>
      </c>
      <c r="B51" s="213">
        <v>239</v>
      </c>
      <c r="C51" s="217">
        <v>1.7000000000000001E-2</v>
      </c>
      <c r="D51" s="94">
        <v>2.0011553856578448E-2</v>
      </c>
      <c r="E51" s="217">
        <v>9.1999999999999998E-2</v>
      </c>
      <c r="F51" s="94">
        <v>3.8269391862565845E-2</v>
      </c>
      <c r="G51" s="217">
        <v>0.83599999999999997</v>
      </c>
      <c r="H51" s="94">
        <v>4.8140765864024236E-2</v>
      </c>
      <c r="I51" s="217">
        <v>5.3999999999999999E-2</v>
      </c>
      <c r="J51" s="94">
        <v>3.0786340923559776E-2</v>
      </c>
      <c r="K51" s="213">
        <v>242</v>
      </c>
      <c r="L51" s="217">
        <v>2.1999999999999999E-2</v>
      </c>
      <c r="M51" s="94">
        <v>2.1672343636198486E-2</v>
      </c>
      <c r="N51" s="217">
        <v>9.0999999999999998E-2</v>
      </c>
      <c r="O51" s="94">
        <v>3.7851830215044437E-2</v>
      </c>
      <c r="P51" s="217">
        <v>0.88200000000000001</v>
      </c>
      <c r="Q51" s="94">
        <v>4.2057435499176676E-2</v>
      </c>
      <c r="R51" s="217">
        <v>5.0000000000000001E-3</v>
      </c>
      <c r="S51" s="94">
        <v>1.4470890216847904E-2</v>
      </c>
      <c r="T51" s="213">
        <v>239</v>
      </c>
      <c r="U51" s="217">
        <v>0.223</v>
      </c>
      <c r="V51" s="94">
        <v>5.3790672928332006E-2</v>
      </c>
      <c r="W51" s="217">
        <v>0.24199999999999999</v>
      </c>
      <c r="X51" s="94">
        <v>5.5274752737991324E-2</v>
      </c>
      <c r="Y51" s="217">
        <v>0.376</v>
      </c>
      <c r="Z51" s="94">
        <v>6.2212438312628009E-2</v>
      </c>
      <c r="AA51" s="217">
        <v>0.159</v>
      </c>
      <c r="AB51" s="94">
        <v>4.7577646894976552E-2</v>
      </c>
      <c r="AC51" s="213">
        <v>239</v>
      </c>
      <c r="AD51" s="217">
        <v>9.7000000000000003E-2</v>
      </c>
      <c r="AE51" s="94">
        <v>3.910391174965782E-2</v>
      </c>
      <c r="AF51" s="217">
        <v>0.36799999999999999</v>
      </c>
      <c r="AG51" s="94">
        <v>6.1949788296068758E-2</v>
      </c>
      <c r="AH51" s="217">
        <v>0.376</v>
      </c>
      <c r="AI51" s="94">
        <v>6.2212438312628009E-2</v>
      </c>
      <c r="AJ51" s="217">
        <v>0.159</v>
      </c>
      <c r="AK51" s="94">
        <v>4.7577646894976552E-2</v>
      </c>
    </row>
    <row r="52" spans="1:37">
      <c r="A52" s="49" t="s">
        <v>449</v>
      </c>
      <c r="B52" s="214">
        <v>123</v>
      </c>
      <c r="C52" s="218">
        <v>4.7E-2</v>
      </c>
      <c r="D52" s="97">
        <v>4.2561297507738932E-2</v>
      </c>
      <c r="E52" s="218">
        <v>0.14699999999999999</v>
      </c>
      <c r="F52" s="97">
        <v>6.4750708736958901E-2</v>
      </c>
      <c r="G52" s="218">
        <v>0.76800000000000002</v>
      </c>
      <c r="H52" s="97">
        <v>7.5842583950921402E-2</v>
      </c>
      <c r="I52" s="218">
        <v>3.7999999999999999E-2</v>
      </c>
      <c r="J52" s="97">
        <v>3.9600188684474097E-2</v>
      </c>
      <c r="K52" s="214">
        <v>122</v>
      </c>
      <c r="L52" s="218">
        <v>3.5999999999999997E-2</v>
      </c>
      <c r="M52" s="97">
        <v>3.9099632493450734E-2</v>
      </c>
      <c r="N52" s="218">
        <v>0.216</v>
      </c>
      <c r="O52" s="97">
        <v>7.4404243330686362E-2</v>
      </c>
      <c r="P52" s="218">
        <v>0.72399999999999998</v>
      </c>
      <c r="Q52" s="97">
        <v>8.026923146443013E-2</v>
      </c>
      <c r="R52" s="218">
        <v>2.3E-2</v>
      </c>
      <c r="S52" s="97">
        <v>3.4127668610970392E-2</v>
      </c>
      <c r="T52" s="214">
        <v>123</v>
      </c>
      <c r="U52" s="218">
        <v>0.36</v>
      </c>
      <c r="V52" s="97">
        <v>8.5410579003318096E-2</v>
      </c>
      <c r="W52" s="218">
        <v>0.187</v>
      </c>
      <c r="X52" s="97">
        <v>7.0566903564509925E-2</v>
      </c>
      <c r="Y52" s="218">
        <v>0.39400000000000002</v>
      </c>
      <c r="Z52" s="97">
        <v>8.6845075816011114E-2</v>
      </c>
      <c r="AA52" s="218">
        <v>5.8000000000000003E-2</v>
      </c>
      <c r="AB52" s="97">
        <v>4.5851039959417937E-2</v>
      </c>
      <c r="AC52" s="214">
        <v>123</v>
      </c>
      <c r="AD52" s="218">
        <v>0.155</v>
      </c>
      <c r="AE52" s="97">
        <v>6.6012302542039214E-2</v>
      </c>
      <c r="AF52" s="218">
        <v>0.39200000000000002</v>
      </c>
      <c r="AG52" s="97">
        <v>8.6772245906898193E-2</v>
      </c>
      <c r="AH52" s="218">
        <v>0.39400000000000002</v>
      </c>
      <c r="AI52" s="97">
        <v>8.6845075816011114E-2</v>
      </c>
      <c r="AJ52" s="218">
        <v>5.8000000000000003E-2</v>
      </c>
      <c r="AK52" s="97">
        <v>4.5851039959417937E-2</v>
      </c>
    </row>
    <row r="53" spans="1:37">
      <c r="A53" s="57" t="s">
        <v>450</v>
      </c>
      <c r="B53" s="213">
        <v>126</v>
      </c>
      <c r="C53" s="217">
        <v>0.188</v>
      </c>
      <c r="D53" s="94">
        <v>6.9846918328584834E-2</v>
      </c>
      <c r="E53" s="217">
        <v>0.13700000000000001</v>
      </c>
      <c r="F53" s="94">
        <v>6.2318069937152679E-2</v>
      </c>
      <c r="G53" s="217">
        <v>0.55700000000000005</v>
      </c>
      <c r="H53" s="94">
        <v>8.7168777488132773E-2</v>
      </c>
      <c r="I53" s="217">
        <v>0.11799999999999999</v>
      </c>
      <c r="J53" s="94">
        <v>5.8943985290372904E-2</v>
      </c>
      <c r="K53" s="213">
        <v>126</v>
      </c>
      <c r="L53" s="217">
        <v>9.9000000000000005E-2</v>
      </c>
      <c r="M53" s="94">
        <v>5.5175861087898563E-2</v>
      </c>
      <c r="N53" s="217">
        <v>0.157</v>
      </c>
      <c r="O53" s="94">
        <v>6.5510904504611209E-2</v>
      </c>
      <c r="P53" s="217">
        <v>0.67100000000000004</v>
      </c>
      <c r="Q53" s="94">
        <v>8.27472076901625E-2</v>
      </c>
      <c r="R53" s="217">
        <v>7.3999999999999996E-2</v>
      </c>
      <c r="S53" s="94">
        <v>4.9464810257400536E-2</v>
      </c>
      <c r="T53" s="213">
        <v>125</v>
      </c>
      <c r="U53" s="217">
        <v>0.221</v>
      </c>
      <c r="V53" s="94">
        <v>7.4065026158314964E-2</v>
      </c>
      <c r="W53" s="217">
        <v>0.247</v>
      </c>
      <c r="X53" s="94">
        <v>7.6735528286564478E-2</v>
      </c>
      <c r="Y53" s="217">
        <v>0.40800000000000003</v>
      </c>
      <c r="Z53" s="94">
        <v>8.6634357946581392E-2</v>
      </c>
      <c r="AA53" s="217">
        <v>0.123</v>
      </c>
      <c r="AB53" s="94">
        <v>6.0115791954002309E-2</v>
      </c>
      <c r="AC53" s="213">
        <v>125</v>
      </c>
      <c r="AD53" s="217">
        <v>0.106</v>
      </c>
      <c r="AE53" s="94">
        <v>5.6853349316652153E-2</v>
      </c>
      <c r="AF53" s="217">
        <v>0.36199999999999999</v>
      </c>
      <c r="AG53" s="94">
        <v>8.4837960060439477E-2</v>
      </c>
      <c r="AH53" s="217">
        <v>0.40800000000000003</v>
      </c>
      <c r="AI53" s="94">
        <v>8.6634357946581392E-2</v>
      </c>
      <c r="AJ53" s="217">
        <v>0.123</v>
      </c>
      <c r="AK53" s="94">
        <v>6.0115791954002309E-2</v>
      </c>
    </row>
    <row r="54" spans="1:37">
      <c r="A54" s="49" t="s">
        <v>451</v>
      </c>
      <c r="B54" s="214">
        <v>168</v>
      </c>
      <c r="C54" s="218">
        <v>0.14399999999999999</v>
      </c>
      <c r="D54" s="97">
        <v>5.4791391846013171E-2</v>
      </c>
      <c r="E54" s="218">
        <v>0.154</v>
      </c>
      <c r="F54" s="97">
        <v>5.6194727820473162E-2</v>
      </c>
      <c r="G54" s="218">
        <v>0.66600000000000004</v>
      </c>
      <c r="H54" s="97">
        <v>7.2128885164423368E-2</v>
      </c>
      <c r="I54" s="218">
        <v>3.5000000000000003E-2</v>
      </c>
      <c r="J54" s="97">
        <v>3.1884615796882711E-2</v>
      </c>
      <c r="K54" s="214">
        <v>166</v>
      </c>
      <c r="L54" s="218">
        <v>7.4999999999999997E-2</v>
      </c>
      <c r="M54" s="97">
        <v>4.2778499272414873E-2</v>
      </c>
      <c r="N54" s="218">
        <v>0.189</v>
      </c>
      <c r="O54" s="97">
        <v>6.0929472924629781E-2</v>
      </c>
      <c r="P54" s="218">
        <v>0.68700000000000006</v>
      </c>
      <c r="Q54" s="97">
        <v>7.1399001475963966E-2</v>
      </c>
      <c r="R54" s="218">
        <v>4.8000000000000001E-2</v>
      </c>
      <c r="S54" s="97">
        <v>3.6038279126305514E-2</v>
      </c>
      <c r="T54" s="214">
        <v>165</v>
      </c>
      <c r="U54" s="218">
        <v>0.33600000000000002</v>
      </c>
      <c r="V54" s="97">
        <v>7.2872120491371359E-2</v>
      </c>
      <c r="W54" s="218">
        <v>0.223</v>
      </c>
      <c r="X54" s="97">
        <v>6.4699607762033234E-2</v>
      </c>
      <c r="Y54" s="218">
        <v>0.37</v>
      </c>
      <c r="Z54" s="97">
        <v>7.440343132387349E-2</v>
      </c>
      <c r="AA54" s="218">
        <v>7.0999999999999994E-2</v>
      </c>
      <c r="AB54" s="97">
        <v>4.201095923749016E-2</v>
      </c>
      <c r="AC54" s="214">
        <v>165</v>
      </c>
      <c r="AD54" s="218">
        <v>0.107</v>
      </c>
      <c r="AE54" s="97">
        <v>4.9320992384898669E-2</v>
      </c>
      <c r="AF54" s="218">
        <v>0.45200000000000001</v>
      </c>
      <c r="AG54" s="97">
        <v>7.6584450718005723E-2</v>
      </c>
      <c r="AH54" s="218">
        <v>0.37</v>
      </c>
      <c r="AI54" s="97">
        <v>7.440343132387349E-2</v>
      </c>
      <c r="AJ54" s="218">
        <v>7.0999999999999994E-2</v>
      </c>
      <c r="AK54" s="97">
        <v>4.201095923749016E-2</v>
      </c>
    </row>
    <row r="55" spans="1:37">
      <c r="A55" s="57" t="s">
        <v>457</v>
      </c>
      <c r="B55" s="213">
        <v>130</v>
      </c>
      <c r="C55" s="217">
        <v>0.10100000000000001</v>
      </c>
      <c r="D55" s="94">
        <v>5.4679985846431883E-2</v>
      </c>
      <c r="E55" s="217">
        <v>0.247</v>
      </c>
      <c r="F55" s="94">
        <v>7.5261810998482476E-2</v>
      </c>
      <c r="G55" s="217">
        <v>0.57099999999999995</v>
      </c>
      <c r="H55" s="94">
        <v>8.5563184884668617E-2</v>
      </c>
      <c r="I55" s="217">
        <v>8.1000000000000003E-2</v>
      </c>
      <c r="J55" s="94">
        <v>5.0301721613363104E-2</v>
      </c>
      <c r="K55" s="213">
        <v>130</v>
      </c>
      <c r="L55" s="217">
        <v>7.3999999999999996E-2</v>
      </c>
      <c r="M55" s="94">
        <v>4.8621806045653471E-2</v>
      </c>
      <c r="N55" s="217">
        <v>0.153</v>
      </c>
      <c r="O55" s="94">
        <v>6.3873079495541316E-2</v>
      </c>
      <c r="P55" s="217">
        <v>0.72499999999999998</v>
      </c>
      <c r="Q55" s="94">
        <v>7.7719794783559601E-2</v>
      </c>
      <c r="R55" s="217">
        <v>4.9000000000000002E-2</v>
      </c>
      <c r="S55" s="94">
        <v>4.1810196340475919E-2</v>
      </c>
      <c r="T55" s="213">
        <v>130</v>
      </c>
      <c r="U55" s="217">
        <v>0.35399999999999998</v>
      </c>
      <c r="V55" s="94">
        <v>8.2848108280518612E-2</v>
      </c>
      <c r="W55" s="217">
        <v>0.20899999999999999</v>
      </c>
      <c r="X55" s="94">
        <v>7.1299060227097644E-2</v>
      </c>
      <c r="Y55" s="217">
        <v>0.33099999999999996</v>
      </c>
      <c r="Z55" s="94">
        <v>8.1610411349683651E-2</v>
      </c>
      <c r="AA55" s="217">
        <v>0.107</v>
      </c>
      <c r="AB55" s="94">
        <v>5.5887469934604229E-2</v>
      </c>
      <c r="AC55" s="213">
        <v>130</v>
      </c>
      <c r="AD55" s="217">
        <v>0.16400000000000001</v>
      </c>
      <c r="AE55" s="94">
        <v>6.5504576983870563E-2</v>
      </c>
      <c r="AF55" s="217">
        <v>0.39900000000000002</v>
      </c>
      <c r="AG55" s="94">
        <v>8.4711789722100778E-2</v>
      </c>
      <c r="AH55" s="217">
        <v>0.33099999999999996</v>
      </c>
      <c r="AI55" s="94">
        <v>8.1610411349683651E-2</v>
      </c>
      <c r="AJ55" s="217">
        <v>0.107</v>
      </c>
      <c r="AK55" s="94">
        <v>5.5887469934604229E-2</v>
      </c>
    </row>
    <row r="56" spans="1:37">
      <c r="A56" s="49" t="s">
        <v>460</v>
      </c>
      <c r="B56" s="214">
        <v>193</v>
      </c>
      <c r="C56" s="218">
        <v>0.123</v>
      </c>
      <c r="D56" s="97">
        <v>4.802371236115309E-2</v>
      </c>
      <c r="E56" s="218">
        <v>0.122</v>
      </c>
      <c r="F56" s="97">
        <v>4.7870274864004518E-2</v>
      </c>
      <c r="G56" s="218">
        <v>0.61599999999999999</v>
      </c>
      <c r="H56" s="97">
        <v>6.9382320334550385E-2</v>
      </c>
      <c r="I56" s="218">
        <v>0.13900000000000001</v>
      </c>
      <c r="J56" s="97">
        <v>5.0362643313381972E-2</v>
      </c>
      <c r="K56" s="214">
        <v>195</v>
      </c>
      <c r="L56" s="218">
        <v>9.1999999999999998E-2</v>
      </c>
      <c r="M56" s="97">
        <v>4.2570842787284659E-2</v>
      </c>
      <c r="N56" s="218">
        <v>0.15</v>
      </c>
      <c r="O56" s="97">
        <v>5.1583007099485829E-2</v>
      </c>
      <c r="P56" s="218">
        <v>0.68400000000000005</v>
      </c>
      <c r="Q56" s="97">
        <v>6.6118724703177756E-2</v>
      </c>
      <c r="R56" s="218">
        <v>7.3999999999999996E-2</v>
      </c>
      <c r="S56" s="97">
        <v>3.9019695014928239E-2</v>
      </c>
      <c r="T56" s="214">
        <v>193</v>
      </c>
      <c r="U56" s="218">
        <v>0.32299999999999995</v>
      </c>
      <c r="V56" s="97">
        <v>6.6825073180623196E-2</v>
      </c>
      <c r="W56" s="218">
        <v>0.152</v>
      </c>
      <c r="X56" s="97">
        <v>5.2115451827820805E-2</v>
      </c>
      <c r="Y56" s="218">
        <v>0.34399999999999997</v>
      </c>
      <c r="Z56" s="97">
        <v>6.7837104206038001E-2</v>
      </c>
      <c r="AA56" s="218">
        <v>0.182</v>
      </c>
      <c r="AB56" s="97">
        <v>5.5726100916933294E-2</v>
      </c>
      <c r="AC56" s="214">
        <v>193</v>
      </c>
      <c r="AD56" s="218">
        <v>0.14799999999999999</v>
      </c>
      <c r="AE56" s="97">
        <v>5.1589270504085939E-2</v>
      </c>
      <c r="AF56" s="218">
        <v>0.32699999999999996</v>
      </c>
      <c r="AG56" s="97">
        <v>6.7028905329213934E-2</v>
      </c>
      <c r="AH56" s="218">
        <v>0.34399999999999997</v>
      </c>
      <c r="AI56" s="97">
        <v>6.7837104206038001E-2</v>
      </c>
      <c r="AJ56" s="218">
        <v>0.182</v>
      </c>
      <c r="AK56" s="97">
        <v>5.5726100916933294E-2</v>
      </c>
    </row>
    <row r="57" spans="1:37">
      <c r="A57" s="57" t="s">
        <v>458</v>
      </c>
      <c r="B57" s="213">
        <v>182</v>
      </c>
      <c r="C57" s="217">
        <v>0.13600000000000001</v>
      </c>
      <c r="D57" s="94">
        <v>5.1460701318212634E-2</v>
      </c>
      <c r="E57" s="217">
        <v>0.14799999999999999</v>
      </c>
      <c r="F57" s="94">
        <v>5.3151821710659512E-2</v>
      </c>
      <c r="G57" s="217">
        <v>0.51900000000000002</v>
      </c>
      <c r="H57" s="94">
        <v>7.3272852859368062E-2</v>
      </c>
      <c r="I57" s="217">
        <v>0.19700000000000001</v>
      </c>
      <c r="J57" s="94">
        <v>5.9042050671030237E-2</v>
      </c>
      <c r="K57" s="213">
        <v>181</v>
      </c>
      <c r="L57" s="217">
        <v>5.6000000000000001E-2</v>
      </c>
      <c r="M57" s="94">
        <v>3.6405119925042917E-2</v>
      </c>
      <c r="N57" s="217">
        <v>0.16</v>
      </c>
      <c r="O57" s="94">
        <v>5.4889545413711043E-2</v>
      </c>
      <c r="P57" s="217">
        <v>0.70799999999999996</v>
      </c>
      <c r="Q57" s="94">
        <v>6.7156396727815024E-2</v>
      </c>
      <c r="R57" s="217">
        <v>7.5999999999999998E-2</v>
      </c>
      <c r="S57" s="94">
        <v>4.1044222163665788E-2</v>
      </c>
      <c r="T57" s="213">
        <v>183</v>
      </c>
      <c r="U57" s="217">
        <v>0.28000000000000003</v>
      </c>
      <c r="V57" s="94">
        <v>6.6000882007811665E-2</v>
      </c>
      <c r="W57" s="217">
        <v>0.20300000000000001</v>
      </c>
      <c r="X57" s="94">
        <v>5.9503163479868122E-2</v>
      </c>
      <c r="Y57" s="217">
        <v>0.34199999999999997</v>
      </c>
      <c r="Z57" s="94">
        <v>6.9542824320798988E-2</v>
      </c>
      <c r="AA57" s="217">
        <v>0.17499999999999999</v>
      </c>
      <c r="AB57" s="94">
        <v>5.6425690674420978E-2</v>
      </c>
      <c r="AC57" s="213">
        <v>183</v>
      </c>
      <c r="AD57" s="217">
        <v>0.113</v>
      </c>
      <c r="AE57" s="94">
        <v>4.7744799178769219E-2</v>
      </c>
      <c r="AF57" s="217">
        <v>0.37</v>
      </c>
      <c r="AG57" s="94">
        <v>7.0720548502675923E-2</v>
      </c>
      <c r="AH57" s="217">
        <v>0.34199999999999997</v>
      </c>
      <c r="AI57" s="94">
        <v>6.9542824320798988E-2</v>
      </c>
      <c r="AJ57" s="217">
        <v>0.17499999999999999</v>
      </c>
      <c r="AK57" s="94">
        <v>5.6425690674420978E-2</v>
      </c>
    </row>
  </sheetData>
  <mergeCells count="9">
    <mergeCell ref="A3:D3"/>
    <mergeCell ref="AC34:AK34"/>
    <mergeCell ref="A32:AK32"/>
    <mergeCell ref="A33:AK33"/>
    <mergeCell ref="T34:AB34"/>
    <mergeCell ref="A4:D4"/>
    <mergeCell ref="A5:D5"/>
    <mergeCell ref="B34:J34"/>
    <mergeCell ref="K34: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6" t="s">
        <v>479</v>
      </c>
      <c r="F1" s="306"/>
      <c r="G1" s="306"/>
      <c r="H1" s="306"/>
      <c r="I1" s="306"/>
      <c r="J1" s="306"/>
      <c r="K1" s="306"/>
      <c r="L1" s="306"/>
      <c r="M1" s="306"/>
      <c r="N1" s="306"/>
    </row>
    <row r="2" spans="1:14" ht="21">
      <c r="A2" s="225"/>
      <c r="B2" s="13"/>
      <c r="C2" s="13"/>
      <c r="D2" s="13"/>
      <c r="E2" s="13"/>
      <c r="F2" s="307"/>
      <c r="G2" s="307"/>
      <c r="H2" s="307"/>
      <c r="I2" s="307"/>
      <c r="J2" s="307"/>
      <c r="K2" s="307"/>
      <c r="L2" s="307"/>
      <c r="M2" s="307"/>
      <c r="N2" s="307"/>
    </row>
    <row r="3" spans="1:14" s="12" customFormat="1" ht="21">
      <c r="A3" s="237" t="s">
        <v>172</v>
      </c>
      <c r="B3" s="11"/>
      <c r="C3" s="11"/>
      <c r="D3" s="11"/>
      <c r="E3" s="11"/>
      <c r="F3" s="20"/>
      <c r="G3" s="20"/>
      <c r="H3" s="20"/>
      <c r="I3" s="20"/>
      <c r="J3" s="20"/>
      <c r="K3" s="20"/>
      <c r="L3" s="20"/>
      <c r="M3" s="20"/>
      <c r="N3" s="20"/>
    </row>
    <row r="4" spans="1:14" s="12" customFormat="1" ht="31.5">
      <c r="A4" s="238" t="s">
        <v>477</v>
      </c>
      <c r="B4" s="11"/>
      <c r="C4" s="11"/>
      <c r="D4" s="11"/>
      <c r="E4" s="11"/>
      <c r="F4" s="20"/>
      <c r="G4" s="20"/>
      <c r="H4" s="20"/>
      <c r="I4" s="20"/>
      <c r="J4" s="20"/>
      <c r="K4" s="20"/>
      <c r="L4" s="20"/>
      <c r="M4" s="20"/>
      <c r="N4" s="20"/>
    </row>
    <row r="5" spans="1:14" ht="18.75" customHeight="1">
      <c r="A5" s="225"/>
      <c r="B5" s="13"/>
      <c r="C5" s="13"/>
      <c r="D5" s="13"/>
      <c r="E5" s="13"/>
      <c r="F5" s="20"/>
      <c r="G5" s="20"/>
      <c r="H5" s="20"/>
      <c r="I5" s="20"/>
      <c r="J5" s="20"/>
      <c r="K5" s="20"/>
      <c r="L5" s="20"/>
      <c r="M5" s="20"/>
      <c r="N5" s="20"/>
    </row>
    <row r="6" spans="1:14">
      <c r="A6" s="239" t="s">
        <v>173</v>
      </c>
      <c r="B6" s="13"/>
      <c r="C6" s="13"/>
      <c r="D6" s="13"/>
      <c r="E6" s="13"/>
    </row>
    <row r="7" spans="1:14" ht="51" customHeight="1">
      <c r="A7" s="240" t="s">
        <v>246</v>
      </c>
      <c r="B7" s="13"/>
      <c r="C7" s="13"/>
      <c r="D7" s="13"/>
      <c r="E7" s="13"/>
      <c r="F7" s="13"/>
      <c r="G7" s="13"/>
    </row>
    <row r="8" spans="1:14">
      <c r="A8" s="219"/>
      <c r="B8" s="13"/>
      <c r="C8" s="13"/>
      <c r="D8" s="13"/>
      <c r="E8" s="13"/>
      <c r="F8" s="13"/>
      <c r="G8" s="13"/>
    </row>
    <row r="9" spans="1:14">
      <c r="A9" s="237" t="s">
        <v>174</v>
      </c>
      <c r="B9" s="13"/>
      <c r="C9" s="13"/>
      <c r="D9" s="13"/>
      <c r="E9" s="13"/>
      <c r="F9" s="13"/>
      <c r="G9" s="13"/>
    </row>
    <row r="10" spans="1:14" ht="30">
      <c r="A10" s="238" t="s">
        <v>480</v>
      </c>
      <c r="B10" s="13"/>
      <c r="C10" s="13"/>
      <c r="D10" s="13"/>
      <c r="E10" s="13"/>
      <c r="F10" s="13"/>
      <c r="G10" s="13"/>
    </row>
    <row r="11" spans="1:14">
      <c r="A11" s="225"/>
      <c r="B11" s="14"/>
      <c r="C11" s="14"/>
      <c r="D11" s="14"/>
      <c r="E11" s="14"/>
    </row>
    <row r="12" spans="1:14">
      <c r="A12" s="237" t="s">
        <v>175</v>
      </c>
    </row>
    <row r="13" spans="1:14" ht="135">
      <c r="A13" s="238" t="s">
        <v>478</v>
      </c>
    </row>
    <row r="14" spans="1:14">
      <c r="A14" s="219"/>
    </row>
    <row r="15" spans="1:14">
      <c r="A15" s="239" t="s">
        <v>2</v>
      </c>
    </row>
    <row r="16" spans="1:14" ht="45">
      <c r="A16" s="240"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5"/>
  <sheetViews>
    <sheetView workbookViewId="0"/>
  </sheetViews>
  <sheetFormatPr defaultColWidth="8.85546875" defaultRowHeight="15"/>
  <cols>
    <col min="1" max="1" width="128.28515625" style="305" customWidth="1"/>
    <col min="2" max="7" width="8.85546875" style="2"/>
    <col min="8" max="8" width="19.42578125" style="2" customWidth="1"/>
    <col min="9" max="10" width="8.85546875" style="2"/>
    <col min="11" max="11" width="9.140625" style="2" customWidth="1"/>
    <col min="12" max="16384" width="8.85546875" style="2"/>
  </cols>
  <sheetData>
    <row r="1" spans="1:14" ht="23.25">
      <c r="A1" s="236" t="s">
        <v>456</v>
      </c>
      <c r="B1" s="9"/>
      <c r="C1" s="9"/>
      <c r="D1" s="9"/>
      <c r="E1" s="9"/>
      <c r="F1" s="9"/>
      <c r="G1" s="9"/>
      <c r="N1" s="8"/>
    </row>
    <row r="2" spans="1:14" ht="90">
      <c r="A2" s="300" t="s">
        <v>459</v>
      </c>
      <c r="B2" s="6"/>
      <c r="C2" s="6"/>
      <c r="D2" s="6"/>
    </row>
    <row r="3" spans="1:14" s="17" customFormat="1">
      <c r="A3" s="238"/>
      <c r="B3" s="13"/>
      <c r="C3" s="13"/>
      <c r="D3" s="13"/>
    </row>
    <row r="4" spans="1:14" s="18" customFormat="1">
      <c r="A4" s="237" t="s">
        <v>436</v>
      </c>
      <c r="B4" s="13"/>
      <c r="C4" s="13"/>
      <c r="D4" s="13"/>
    </row>
    <row r="5" spans="1:14" s="18" customFormat="1" ht="30">
      <c r="A5" s="238" t="s">
        <v>454</v>
      </c>
      <c r="B5" s="13"/>
      <c r="C5" s="13"/>
      <c r="D5" s="13"/>
    </row>
    <row r="6" spans="1:14" s="18" customFormat="1">
      <c r="A6" s="238"/>
      <c r="B6" s="13"/>
      <c r="C6" s="13"/>
      <c r="D6" s="13"/>
    </row>
    <row r="7" spans="1:14">
      <c r="A7" s="301" t="s">
        <v>437</v>
      </c>
    </row>
    <row r="8" spans="1:14" ht="36.75" customHeight="1">
      <c r="A8" s="302" t="s">
        <v>476</v>
      </c>
    </row>
    <row r="9" spans="1:14" s="17" customFormat="1">
      <c r="A9" s="302"/>
    </row>
    <row r="10" spans="1:14">
      <c r="A10" s="303" t="s">
        <v>438</v>
      </c>
    </row>
    <row r="11" spans="1:14" ht="33.75" customHeight="1">
      <c r="A11" s="302" t="s">
        <v>455</v>
      </c>
    </row>
    <row r="12" spans="1:14">
      <c r="A12" s="302"/>
    </row>
    <row r="13" spans="1:14" s="19" customFormat="1">
      <c r="A13" s="303" t="s">
        <v>439</v>
      </c>
    </row>
    <row r="14" spans="1:14" s="19" customFormat="1" ht="30">
      <c r="A14" s="302" t="s">
        <v>481</v>
      </c>
    </row>
    <row r="15" spans="1:14" s="19" customFormat="1">
      <c r="A15" s="225"/>
    </row>
    <row r="16" spans="1:14" s="19" customFormat="1">
      <c r="A16" s="301" t="s">
        <v>440</v>
      </c>
    </row>
    <row r="17" spans="1:1" s="19" customFormat="1" ht="45">
      <c r="A17" s="302" t="s">
        <v>482</v>
      </c>
    </row>
    <row r="18" spans="1:1" s="19" customFormat="1">
      <c r="A18" s="226"/>
    </row>
    <row r="19" spans="1:1" s="19" customFormat="1">
      <c r="A19" s="304" t="s">
        <v>452</v>
      </c>
    </row>
    <row r="20" spans="1:1" s="19" customFormat="1" ht="45">
      <c r="A20" s="300" t="s">
        <v>461</v>
      </c>
    </row>
    <row r="21" spans="1:1">
      <c r="A21" s="219"/>
    </row>
    <row r="22" spans="1:1" s="220" customFormat="1">
      <c r="A22" s="239" t="s">
        <v>441</v>
      </c>
    </row>
    <row r="23" spans="1:1" s="220" customFormat="1" ht="30">
      <c r="A23" s="300" t="s">
        <v>462</v>
      </c>
    </row>
    <row r="24" spans="1:1" s="220" customFormat="1">
      <c r="A24" s="224"/>
    </row>
    <row r="25" spans="1:1">
      <c r="A25" s="239" t="s">
        <v>442</v>
      </c>
    </row>
    <row r="26" spans="1:1" ht="18.75" customHeight="1">
      <c r="A26" s="300" t="s">
        <v>463</v>
      </c>
    </row>
    <row r="27" spans="1:1" s="220" customFormat="1">
      <c r="A27" s="219"/>
    </row>
    <row r="28" spans="1:1">
      <c r="A28" s="239" t="s">
        <v>443</v>
      </c>
    </row>
    <row r="29" spans="1:1" ht="18.75" customHeight="1">
      <c r="A29" s="300" t="s">
        <v>464</v>
      </c>
    </row>
    <row r="30" spans="1:1">
      <c r="A30" s="219"/>
    </row>
    <row r="31" spans="1:1">
      <c r="A31" s="239" t="s">
        <v>444</v>
      </c>
    </row>
    <row r="32" spans="1:1" ht="30">
      <c r="A32" s="300" t="s">
        <v>466</v>
      </c>
    </row>
    <row r="33" spans="1:1">
      <c r="A33" s="224"/>
    </row>
    <row r="34" spans="1:1">
      <c r="A34" s="239" t="s">
        <v>445</v>
      </c>
    </row>
    <row r="35" spans="1:1" ht="30">
      <c r="A35" s="300" t="s">
        <v>467</v>
      </c>
    </row>
    <row r="36" spans="1:1">
      <c r="A36" s="224"/>
    </row>
    <row r="37" spans="1:1">
      <c r="A37" s="239" t="s">
        <v>453</v>
      </c>
    </row>
    <row r="38" spans="1:1" ht="45">
      <c r="A38" s="300" t="s">
        <v>465</v>
      </c>
    </row>
    <row r="39" spans="1:1">
      <c r="A39" s="224"/>
    </row>
    <row r="40" spans="1:1">
      <c r="A40" s="239" t="s">
        <v>446</v>
      </c>
    </row>
    <row r="41" spans="1:1" ht="30">
      <c r="A41" s="300" t="s">
        <v>468</v>
      </c>
    </row>
    <row r="42" spans="1:1">
      <c r="A42" s="224"/>
    </row>
    <row r="43" spans="1:1">
      <c r="A43" s="239" t="s">
        <v>447</v>
      </c>
    </row>
    <row r="44" spans="1:1" ht="27.75" customHeight="1">
      <c r="A44" s="300" t="s">
        <v>469</v>
      </c>
    </row>
    <row r="45" spans="1:1">
      <c r="A45" s="219"/>
    </row>
    <row r="46" spans="1:1" s="220" customFormat="1">
      <c r="A46" s="239" t="s">
        <v>448</v>
      </c>
    </row>
    <row r="47" spans="1:1" s="220" customFormat="1" ht="30">
      <c r="A47" s="300" t="s">
        <v>470</v>
      </c>
    </row>
    <row r="48" spans="1:1" s="220" customFormat="1">
      <c r="A48" s="224"/>
    </row>
    <row r="49" spans="1:1" s="220" customFormat="1">
      <c r="A49" s="239" t="s">
        <v>449</v>
      </c>
    </row>
    <row r="50" spans="1:1" s="220" customFormat="1" ht="30">
      <c r="A50" s="300" t="s">
        <v>475</v>
      </c>
    </row>
    <row r="51" spans="1:1" s="220" customFormat="1">
      <c r="A51" s="224"/>
    </row>
    <row r="52" spans="1:1" s="220" customFormat="1">
      <c r="A52" s="239" t="s">
        <v>450</v>
      </c>
    </row>
    <row r="53" spans="1:1" s="220" customFormat="1" ht="30">
      <c r="A53" s="300" t="s">
        <v>471</v>
      </c>
    </row>
    <row r="54" spans="1:1" s="220" customFormat="1">
      <c r="A54" s="224"/>
    </row>
    <row r="55" spans="1:1" s="220" customFormat="1">
      <c r="A55" s="239" t="s">
        <v>451</v>
      </c>
    </row>
    <row r="56" spans="1:1" s="220" customFormat="1">
      <c r="A56" s="300" t="s">
        <v>472</v>
      </c>
    </row>
    <row r="57" spans="1:1" s="220" customFormat="1">
      <c r="A57" s="219"/>
    </row>
    <row r="58" spans="1:1">
      <c r="A58" s="239" t="s">
        <v>457</v>
      </c>
    </row>
    <row r="59" spans="1:1" ht="60">
      <c r="A59" s="300" t="s">
        <v>473</v>
      </c>
    </row>
    <row r="60" spans="1:1">
      <c r="A60" s="224"/>
    </row>
    <row r="61" spans="1:1">
      <c r="A61" s="239" t="s">
        <v>460</v>
      </c>
    </row>
    <row r="62" spans="1:1" ht="65.25" customHeight="1">
      <c r="A62" s="300" t="s">
        <v>483</v>
      </c>
    </row>
    <row r="63" spans="1:1">
      <c r="A63" s="224"/>
    </row>
    <row r="64" spans="1:1">
      <c r="A64" s="239" t="s">
        <v>458</v>
      </c>
    </row>
    <row r="65" spans="1:1" ht="60">
      <c r="A65" s="300" t="s">
        <v>474</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sqref="A1:D1"/>
    </sheetView>
  </sheetViews>
  <sheetFormatPr defaultColWidth="8.85546875" defaultRowHeight="15"/>
  <cols>
    <col min="1" max="1" width="8.85546875" style="15"/>
    <col min="2" max="2" width="35.7109375" style="220" customWidth="1"/>
    <col min="3" max="3" width="36.140625" style="220" customWidth="1"/>
    <col min="4" max="4" width="21.140625" style="220" customWidth="1"/>
    <col min="5" max="5" width="8.85546875" style="220"/>
    <col min="6" max="6" width="23.42578125" style="220" customWidth="1"/>
    <col min="7" max="16384" width="8.85546875" style="220"/>
  </cols>
  <sheetData>
    <row r="1" spans="1:9" ht="21">
      <c r="A1" s="310" t="s">
        <v>0</v>
      </c>
      <c r="B1" s="310"/>
      <c r="C1" s="310"/>
      <c r="D1" s="310"/>
      <c r="E1" s="222"/>
      <c r="F1" s="222"/>
      <c r="G1" s="222"/>
      <c r="H1" s="222"/>
      <c r="I1" s="222"/>
    </row>
    <row r="2" spans="1:9" ht="21">
      <c r="A2" s="223"/>
      <c r="B2" s="223"/>
      <c r="C2" s="223"/>
      <c r="D2" s="223"/>
      <c r="E2" s="222"/>
      <c r="F2" s="222"/>
      <c r="G2" s="222"/>
      <c r="H2" s="222"/>
      <c r="I2" s="222"/>
    </row>
    <row r="3" spans="1:9" ht="21">
      <c r="A3" s="223" t="s">
        <v>5</v>
      </c>
      <c r="B3" s="223"/>
      <c r="C3" s="223"/>
      <c r="D3" s="223"/>
      <c r="E3" s="222"/>
      <c r="F3" s="222"/>
      <c r="G3" s="222"/>
      <c r="H3" s="222"/>
      <c r="I3" s="222"/>
    </row>
    <row r="4" spans="1:9" ht="21">
      <c r="A4" s="22"/>
      <c r="B4" s="222"/>
      <c r="C4" s="222"/>
      <c r="D4" s="222"/>
      <c r="E4" s="23"/>
      <c r="F4" s="222"/>
      <c r="G4" s="222"/>
      <c r="H4" s="222"/>
      <c r="I4" s="222"/>
    </row>
    <row r="5" spans="1:9" ht="18.75">
      <c r="A5" s="265" t="s">
        <v>63</v>
      </c>
      <c r="B5" s="24"/>
      <c r="C5" s="24"/>
      <c r="D5" s="222"/>
      <c r="E5" s="222"/>
      <c r="F5" s="222"/>
      <c r="G5" s="222"/>
      <c r="H5" s="222"/>
      <c r="I5" s="222"/>
    </row>
    <row r="6" spans="1:9" ht="18.75">
      <c r="A6" s="32"/>
      <c r="B6" s="24"/>
      <c r="C6" s="24"/>
      <c r="D6" s="222"/>
      <c r="E6" s="222"/>
      <c r="F6" s="222"/>
      <c r="G6" s="222"/>
      <c r="H6" s="222"/>
      <c r="I6" s="222"/>
    </row>
    <row r="7" spans="1:9" ht="18.75">
      <c r="A7" s="25">
        <v>1</v>
      </c>
      <c r="B7" s="233" t="s">
        <v>6</v>
      </c>
      <c r="C7" s="222"/>
      <c r="D7" s="222"/>
      <c r="E7" s="27"/>
      <c r="F7" s="27"/>
      <c r="G7" s="222"/>
      <c r="H7" s="222"/>
      <c r="I7" s="222"/>
    </row>
    <row r="8" spans="1:9">
      <c r="A8" s="25"/>
      <c r="B8" s="309" t="s">
        <v>8</v>
      </c>
      <c r="C8" s="309"/>
      <c r="D8" s="309"/>
      <c r="E8" s="309"/>
      <c r="F8" s="309"/>
      <c r="G8" s="222"/>
      <c r="H8" s="222"/>
      <c r="I8" s="222"/>
    </row>
    <row r="9" spans="1:9" ht="18.75">
      <c r="A9" s="32"/>
      <c r="B9" s="24"/>
      <c r="C9" s="24"/>
      <c r="D9" s="222"/>
      <c r="E9" s="222"/>
      <c r="F9" s="222"/>
      <c r="G9" s="222"/>
      <c r="H9" s="222"/>
      <c r="I9" s="222"/>
    </row>
    <row r="10" spans="1:9" ht="18.75">
      <c r="A10" s="25">
        <v>1</v>
      </c>
      <c r="B10" s="26" t="s">
        <v>7</v>
      </c>
      <c r="C10" s="222"/>
      <c r="D10" s="222"/>
      <c r="E10" s="27"/>
      <c r="F10" s="27"/>
      <c r="G10" s="222"/>
      <c r="H10" s="222"/>
      <c r="I10" s="222"/>
    </row>
    <row r="11" spans="1:9">
      <c r="A11" s="25"/>
      <c r="B11" s="309" t="s">
        <v>9</v>
      </c>
      <c r="C11" s="309"/>
      <c r="D11" s="309"/>
      <c r="E11" s="28"/>
      <c r="F11" s="28"/>
      <c r="G11" s="222"/>
      <c r="H11" s="222"/>
      <c r="I11" s="222"/>
    </row>
    <row r="12" spans="1:9" ht="18.75">
      <c r="A12" s="32"/>
      <c r="B12" s="24"/>
      <c r="C12" s="24"/>
      <c r="D12" s="222"/>
      <c r="E12" s="222"/>
      <c r="F12" s="222"/>
      <c r="G12" s="222"/>
      <c r="H12" s="222"/>
      <c r="I12" s="222"/>
    </row>
    <row r="13" spans="1:9" ht="18.75">
      <c r="A13" s="25">
        <v>1</v>
      </c>
      <c r="B13" s="26" t="s">
        <v>56</v>
      </c>
      <c r="C13" s="24"/>
      <c r="D13" s="222"/>
      <c r="E13" s="222"/>
      <c r="F13" s="222"/>
      <c r="G13" s="222"/>
      <c r="H13" s="222"/>
      <c r="I13" s="222"/>
    </row>
    <row r="14" spans="1:9" ht="18.75">
      <c r="A14" s="32"/>
      <c r="B14" s="222" t="s">
        <v>57</v>
      </c>
      <c r="C14" s="24"/>
      <c r="D14" s="222"/>
      <c r="E14" s="222"/>
      <c r="F14" s="222"/>
      <c r="G14" s="222"/>
      <c r="H14" s="222"/>
      <c r="I14" s="222"/>
    </row>
    <row r="15" spans="1:9" ht="18.75">
      <c r="A15" s="32"/>
      <c r="B15" s="222"/>
      <c r="C15" s="24"/>
      <c r="D15" s="222"/>
      <c r="E15" s="222"/>
      <c r="F15" s="222"/>
      <c r="G15" s="222"/>
      <c r="H15" s="222"/>
      <c r="I15" s="222"/>
    </row>
    <row r="16" spans="1:9" ht="18.75">
      <c r="A16" s="25">
        <v>1</v>
      </c>
      <c r="B16" s="26" t="s">
        <v>247</v>
      </c>
      <c r="C16" s="24"/>
      <c r="D16" s="222"/>
      <c r="E16" s="222"/>
      <c r="F16" s="222"/>
      <c r="G16" s="222"/>
      <c r="H16" s="222"/>
      <c r="I16" s="222"/>
    </row>
    <row r="17" spans="1:9" ht="18.75">
      <c r="A17" s="32"/>
      <c r="B17" s="222" t="s">
        <v>58</v>
      </c>
      <c r="C17" s="24"/>
      <c r="D17" s="222"/>
      <c r="E17" s="222"/>
      <c r="F17" s="222"/>
      <c r="G17" s="222"/>
      <c r="H17" s="222"/>
      <c r="I17" s="222"/>
    </row>
    <row r="18" spans="1:9" ht="18.75">
      <c r="A18" s="32"/>
      <c r="B18" s="222"/>
      <c r="C18" s="24"/>
      <c r="D18" s="222"/>
      <c r="E18" s="222"/>
      <c r="F18" s="222"/>
      <c r="G18" s="222"/>
      <c r="H18" s="222"/>
      <c r="I18" s="222"/>
    </row>
    <row r="19" spans="1:9" ht="18.75">
      <c r="A19" s="232" t="s">
        <v>64</v>
      </c>
      <c r="B19" s="222"/>
      <c r="C19" s="24"/>
      <c r="D19" s="222"/>
      <c r="E19" s="222"/>
      <c r="F19" s="222"/>
      <c r="G19" s="222"/>
      <c r="H19" s="222"/>
      <c r="I19" s="222"/>
    </row>
    <row r="20" spans="1:9" ht="18.75">
      <c r="A20" s="32"/>
      <c r="B20" s="222"/>
      <c r="C20" s="24"/>
      <c r="D20" s="222"/>
      <c r="E20" s="222"/>
      <c r="F20" s="222"/>
      <c r="G20" s="222"/>
      <c r="H20" s="222"/>
      <c r="I20" s="222"/>
    </row>
    <row r="21" spans="1:9" s="16" customFormat="1" ht="18.75">
      <c r="A21" s="25">
        <v>2</v>
      </c>
      <c r="B21" s="26" t="s">
        <v>59</v>
      </c>
      <c r="C21" s="222"/>
      <c r="D21" s="222"/>
      <c r="E21" s="27"/>
      <c r="F21" s="27"/>
      <c r="G21" s="27"/>
      <c r="H21" s="27"/>
      <c r="I21" s="27"/>
    </row>
    <row r="22" spans="1:9">
      <c r="A22" s="25"/>
      <c r="B22" s="308" t="s">
        <v>60</v>
      </c>
      <c r="C22" s="309"/>
      <c r="D22" s="309"/>
      <c r="E22" s="309"/>
      <c r="F22" s="309"/>
      <c r="G22" s="309"/>
      <c r="H22" s="222"/>
      <c r="I22" s="222"/>
    </row>
    <row r="23" spans="1:9">
      <c r="A23" s="25"/>
      <c r="B23" s="222"/>
      <c r="C23" s="222"/>
      <c r="D23" s="222"/>
      <c r="E23" s="222"/>
      <c r="F23" s="222"/>
      <c r="G23" s="222"/>
      <c r="H23" s="222"/>
      <c r="I23" s="222"/>
    </row>
    <row r="24" spans="1:9">
      <c r="A24" s="25">
        <v>2</v>
      </c>
      <c r="B24" s="26" t="s">
        <v>418</v>
      </c>
      <c r="C24" s="222"/>
      <c r="D24" s="222"/>
      <c r="E24" s="222"/>
      <c r="F24" s="222"/>
      <c r="G24" s="222"/>
      <c r="H24" s="222"/>
      <c r="I24" s="222"/>
    </row>
    <row r="25" spans="1:9">
      <c r="A25" s="25"/>
      <c r="B25" s="222" t="s">
        <v>61</v>
      </c>
      <c r="C25" s="222"/>
      <c r="D25" s="222"/>
      <c r="E25" s="222"/>
      <c r="F25" s="222"/>
      <c r="G25" s="222"/>
      <c r="H25" s="222"/>
      <c r="I25" s="222"/>
    </row>
    <row r="26" spans="1:9">
      <c r="A26" s="25"/>
      <c r="B26" s="222"/>
      <c r="C26" s="222"/>
      <c r="D26" s="222"/>
      <c r="E26" s="222"/>
      <c r="F26" s="222"/>
      <c r="G26" s="222"/>
      <c r="H26" s="222"/>
      <c r="I26" s="222"/>
    </row>
    <row r="27" spans="1:9">
      <c r="A27" s="25">
        <v>2</v>
      </c>
      <c r="B27" s="26" t="s">
        <v>253</v>
      </c>
      <c r="C27" s="222"/>
      <c r="D27" s="222"/>
      <c r="E27" s="222"/>
      <c r="F27" s="222"/>
      <c r="G27" s="222"/>
      <c r="H27" s="222"/>
      <c r="I27" s="222"/>
    </row>
    <row r="28" spans="1:9">
      <c r="A28" s="25"/>
      <c r="B28" s="222" t="s">
        <v>62</v>
      </c>
      <c r="C28" s="222"/>
      <c r="D28" s="222"/>
      <c r="E28" s="222"/>
      <c r="F28" s="222"/>
      <c r="G28" s="222"/>
      <c r="H28" s="222"/>
      <c r="I28" s="222"/>
    </row>
    <row r="29" spans="1:9">
      <c r="A29" s="25"/>
      <c r="B29" s="222"/>
      <c r="C29" s="222"/>
      <c r="D29" s="222"/>
      <c r="E29" s="222"/>
      <c r="F29" s="222"/>
      <c r="G29" s="222"/>
      <c r="H29" s="222"/>
      <c r="I29" s="222"/>
    </row>
    <row r="30" spans="1:9" s="16" customFormat="1" ht="18.75">
      <c r="A30" s="311" t="s">
        <v>18</v>
      </c>
      <c r="B30" s="311"/>
      <c r="C30" s="311"/>
      <c r="D30" s="27"/>
      <c r="E30" s="27"/>
      <c r="F30" s="27"/>
      <c r="G30" s="27"/>
      <c r="H30" s="27"/>
      <c r="I30" s="27"/>
    </row>
    <row r="31" spans="1:9" s="16" customFormat="1" ht="18.75">
      <c r="A31" s="32"/>
      <c r="B31" s="32"/>
      <c r="C31" s="32"/>
      <c r="D31" s="27"/>
      <c r="E31" s="27"/>
      <c r="F31" s="27"/>
      <c r="G31" s="27"/>
      <c r="H31" s="27"/>
      <c r="I31" s="27"/>
    </row>
    <row r="32" spans="1:9" s="16" customFormat="1" ht="18.75">
      <c r="A32" s="232"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4" t="s">
        <v>1</v>
      </c>
      <c r="C34" s="222"/>
      <c r="D34" s="222"/>
      <c r="E34" s="222"/>
      <c r="F34" s="222"/>
      <c r="G34" s="222"/>
      <c r="H34" s="222"/>
      <c r="I34" s="222"/>
    </row>
    <row r="35" spans="1:9">
      <c r="A35" s="22"/>
      <c r="B35" s="308" t="s">
        <v>20</v>
      </c>
      <c r="C35" s="309"/>
      <c r="D35" s="309"/>
      <c r="E35" s="309"/>
      <c r="F35" s="26"/>
      <c r="G35" s="222"/>
      <c r="H35" s="222"/>
      <c r="I35" s="222"/>
    </row>
    <row r="36" spans="1:9">
      <c r="A36" s="22"/>
      <c r="B36" s="221"/>
      <c r="C36" s="222"/>
      <c r="D36" s="222"/>
      <c r="E36" s="222"/>
      <c r="F36" s="26"/>
      <c r="G36" s="222"/>
      <c r="H36" s="222"/>
      <c r="I36" s="222"/>
    </row>
    <row r="37" spans="1:9">
      <c r="A37" s="22">
        <v>3</v>
      </c>
      <c r="B37" s="30" t="s">
        <v>35</v>
      </c>
      <c r="C37" s="222"/>
      <c r="D37" s="222"/>
      <c r="E37" s="222"/>
      <c r="F37" s="26"/>
      <c r="G37" s="222"/>
      <c r="H37" s="222"/>
      <c r="I37" s="222"/>
    </row>
    <row r="38" spans="1:9">
      <c r="A38" s="22"/>
      <c r="B38" s="281" t="s">
        <v>65</v>
      </c>
      <c r="C38" s="222"/>
      <c r="D38" s="222"/>
      <c r="E38" s="222"/>
      <c r="F38" s="26"/>
      <c r="G38" s="222"/>
      <c r="H38" s="222"/>
      <c r="I38" s="222"/>
    </row>
    <row r="39" spans="1:9">
      <c r="A39" s="22"/>
      <c r="B39" s="221"/>
      <c r="C39" s="222"/>
      <c r="D39" s="222"/>
      <c r="E39" s="222"/>
      <c r="F39" s="26"/>
      <c r="G39" s="222"/>
      <c r="H39" s="222"/>
      <c r="I39" s="222"/>
    </row>
    <row r="40" spans="1:9">
      <c r="A40" s="22">
        <v>3</v>
      </c>
      <c r="B40" s="30" t="s">
        <v>36</v>
      </c>
      <c r="C40" s="222"/>
      <c r="D40" s="222"/>
      <c r="E40" s="222"/>
      <c r="F40" s="26"/>
      <c r="G40" s="222"/>
      <c r="H40" s="222"/>
      <c r="I40" s="222"/>
    </row>
    <row r="41" spans="1:9">
      <c r="A41" s="22"/>
      <c r="B41" s="221" t="s">
        <v>66</v>
      </c>
      <c r="C41" s="222"/>
      <c r="D41" s="222"/>
      <c r="E41" s="222"/>
      <c r="F41" s="26"/>
      <c r="G41" s="222"/>
      <c r="H41" s="222"/>
      <c r="I41" s="222"/>
    </row>
    <row r="42" spans="1:9">
      <c r="A42" s="22"/>
      <c r="B42" s="221"/>
      <c r="C42" s="222"/>
      <c r="D42" s="222"/>
      <c r="E42" s="222"/>
      <c r="F42" s="26"/>
      <c r="G42" s="222"/>
      <c r="H42" s="222"/>
      <c r="I42" s="222"/>
    </row>
    <row r="43" spans="1:9">
      <c r="A43" s="25">
        <v>3</v>
      </c>
      <c r="B43" s="30" t="s">
        <v>10</v>
      </c>
      <c r="C43" s="222"/>
      <c r="D43" s="222"/>
      <c r="E43" s="222"/>
      <c r="F43" s="222"/>
      <c r="G43" s="222"/>
      <c r="H43" s="222"/>
      <c r="I43" s="222"/>
    </row>
    <row r="44" spans="1:9">
      <c r="A44" s="22"/>
      <c r="B44" s="308" t="s">
        <v>21</v>
      </c>
      <c r="C44" s="309"/>
      <c r="D44" s="222"/>
      <c r="E44" s="222"/>
      <c r="F44" s="222"/>
      <c r="G44" s="222"/>
      <c r="H44" s="222"/>
      <c r="I44" s="222"/>
    </row>
    <row r="45" spans="1:9">
      <c r="A45" s="22"/>
      <c r="B45" s="221"/>
      <c r="C45" s="222"/>
      <c r="D45" s="222"/>
      <c r="E45" s="222"/>
      <c r="F45" s="222"/>
      <c r="G45" s="222"/>
      <c r="H45" s="222"/>
      <c r="I45" s="222"/>
    </row>
    <row r="46" spans="1:9">
      <c r="A46" s="22">
        <v>3</v>
      </c>
      <c r="B46" s="30" t="s">
        <v>37</v>
      </c>
      <c r="C46" s="222"/>
      <c r="D46" s="222"/>
      <c r="E46" s="222"/>
      <c r="F46" s="222"/>
      <c r="G46" s="222"/>
      <c r="H46" s="222"/>
      <c r="I46" s="222"/>
    </row>
    <row r="47" spans="1:9">
      <c r="A47" s="22"/>
      <c r="B47" s="221" t="s">
        <v>67</v>
      </c>
      <c r="C47" s="222"/>
      <c r="D47" s="222"/>
      <c r="E47" s="222"/>
      <c r="F47" s="222"/>
      <c r="G47" s="222"/>
      <c r="H47" s="222"/>
      <c r="I47" s="222"/>
    </row>
    <row r="48" spans="1:9" ht="21">
      <c r="A48" s="29"/>
      <c r="B48" s="222"/>
      <c r="C48" s="222"/>
      <c r="D48" s="222"/>
      <c r="E48" s="222"/>
      <c r="F48" s="222"/>
      <c r="G48" s="222"/>
      <c r="H48" s="222"/>
      <c r="I48" s="222"/>
    </row>
    <row r="49" spans="1:9" s="16" customFormat="1" ht="18.75">
      <c r="A49" s="232"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3" t="s">
        <v>3</v>
      </c>
      <c r="C51" s="222"/>
      <c r="D51" s="222"/>
      <c r="E51" s="222"/>
      <c r="F51" s="222"/>
      <c r="G51" s="222"/>
      <c r="H51" s="222"/>
      <c r="I51" s="222"/>
    </row>
    <row r="52" spans="1:9">
      <c r="A52" s="22"/>
      <c r="B52" s="308" t="s">
        <v>19</v>
      </c>
      <c r="C52" s="309"/>
      <c r="D52" s="309"/>
      <c r="E52" s="222"/>
      <c r="F52" s="222"/>
      <c r="G52" s="222"/>
      <c r="H52" s="222"/>
      <c r="I52" s="222"/>
    </row>
    <row r="53" spans="1:9">
      <c r="A53" s="22"/>
      <c r="B53" s="308" t="s">
        <v>31</v>
      </c>
      <c r="C53" s="309"/>
      <c r="D53" s="309"/>
      <c r="E53" s="222"/>
      <c r="F53" s="222"/>
      <c r="G53" s="222"/>
      <c r="H53" s="222"/>
      <c r="I53" s="222"/>
    </row>
    <row r="54" spans="1:9" ht="21">
      <c r="A54" s="29"/>
      <c r="B54" s="222"/>
      <c r="C54" s="222"/>
      <c r="D54" s="222"/>
      <c r="E54" s="222"/>
      <c r="F54" s="222"/>
      <c r="G54" s="222"/>
      <c r="H54" s="222"/>
      <c r="I54" s="222"/>
    </row>
    <row r="55" spans="1:9">
      <c r="A55" s="25">
        <v>4</v>
      </c>
      <c r="B55" s="26" t="s">
        <v>293</v>
      </c>
      <c r="C55" s="282"/>
      <c r="D55" s="282"/>
      <c r="E55" s="282"/>
      <c r="F55" s="282"/>
      <c r="G55" s="282"/>
      <c r="H55" s="282"/>
      <c r="I55" s="282"/>
    </row>
    <row r="56" spans="1:9" ht="16.5" customHeight="1">
      <c r="A56" s="29"/>
      <c r="B56" s="281" t="s">
        <v>294</v>
      </c>
      <c r="C56" s="282"/>
      <c r="D56" s="282"/>
      <c r="E56" s="282"/>
      <c r="F56" s="282"/>
      <c r="G56" s="282"/>
      <c r="H56" s="282"/>
      <c r="I56" s="282"/>
    </row>
    <row r="57" spans="1:9" ht="17.25" customHeight="1">
      <c r="A57" s="29"/>
      <c r="B57" s="281" t="s">
        <v>400</v>
      </c>
      <c r="C57" s="282"/>
      <c r="D57" s="282"/>
      <c r="E57" s="282"/>
      <c r="F57" s="282"/>
      <c r="G57" s="282"/>
      <c r="H57" s="282"/>
      <c r="I57" s="282"/>
    </row>
    <row r="58" spans="1:9" ht="21">
      <c r="A58" s="29"/>
      <c r="B58" s="282"/>
      <c r="C58" s="282"/>
      <c r="D58" s="282"/>
      <c r="E58" s="282"/>
      <c r="F58" s="282"/>
      <c r="G58" s="282"/>
      <c r="H58" s="282"/>
      <c r="I58" s="282"/>
    </row>
    <row r="59" spans="1:9">
      <c r="A59" s="25">
        <v>4</v>
      </c>
      <c r="B59" s="26" t="s">
        <v>295</v>
      </c>
      <c r="C59" s="282"/>
      <c r="D59" s="282"/>
      <c r="E59" s="282"/>
      <c r="F59" s="282"/>
      <c r="G59" s="282"/>
      <c r="H59" s="282"/>
      <c r="I59" s="282"/>
    </row>
    <row r="60" spans="1:9" ht="21">
      <c r="A60" s="29"/>
      <c r="B60" s="281" t="s">
        <v>419</v>
      </c>
      <c r="C60" s="282"/>
      <c r="D60" s="282"/>
      <c r="E60" s="282"/>
      <c r="F60" s="282"/>
      <c r="G60" s="282"/>
      <c r="H60" s="282"/>
      <c r="I60" s="282"/>
    </row>
    <row r="61" spans="1:9" ht="21">
      <c r="A61" s="29"/>
      <c r="B61" s="282"/>
      <c r="C61" s="282"/>
      <c r="D61" s="282"/>
      <c r="E61" s="282"/>
      <c r="F61" s="282"/>
      <c r="G61" s="282"/>
      <c r="H61" s="282"/>
      <c r="I61" s="282"/>
    </row>
    <row r="62" spans="1:9">
      <c r="A62" s="25">
        <v>4</v>
      </c>
      <c r="B62" s="30" t="s">
        <v>230</v>
      </c>
      <c r="C62" s="222"/>
      <c r="D62" s="222"/>
      <c r="E62" s="222"/>
      <c r="F62" s="222"/>
      <c r="G62" s="222"/>
      <c r="H62" s="222"/>
      <c r="I62" s="222"/>
    </row>
    <row r="63" spans="1:9">
      <c r="A63" s="22"/>
      <c r="B63" s="308" t="s">
        <v>239</v>
      </c>
      <c r="C63" s="309"/>
      <c r="D63" s="222"/>
      <c r="E63" s="222"/>
      <c r="F63" s="222"/>
      <c r="G63" s="222"/>
      <c r="H63" s="222"/>
      <c r="I63" s="222"/>
    </row>
    <row r="64" spans="1:9">
      <c r="A64" s="22"/>
      <c r="B64" s="308" t="s">
        <v>240</v>
      </c>
      <c r="C64" s="309"/>
      <c r="D64" s="309"/>
      <c r="E64" s="309"/>
      <c r="F64" s="222"/>
      <c r="G64" s="222"/>
      <c r="H64" s="222"/>
      <c r="I64" s="222"/>
    </row>
    <row r="65" spans="1:9" ht="21">
      <c r="A65" s="29"/>
      <c r="B65" s="222"/>
      <c r="C65" s="222"/>
      <c r="D65" s="222"/>
      <c r="E65" s="222"/>
      <c r="F65" s="222"/>
      <c r="G65" s="222"/>
      <c r="H65" s="222"/>
      <c r="I65" s="222"/>
    </row>
    <row r="66" spans="1:9">
      <c r="A66" s="25">
        <v>4</v>
      </c>
      <c r="B66" s="30" t="s">
        <v>38</v>
      </c>
      <c r="C66" s="222"/>
      <c r="D66" s="222"/>
      <c r="E66" s="222"/>
      <c r="F66" s="222"/>
      <c r="G66" s="222"/>
      <c r="H66" s="222"/>
      <c r="I66" s="222"/>
    </row>
    <row r="67" spans="1:9">
      <c r="A67" s="22"/>
      <c r="B67" s="308" t="s">
        <v>68</v>
      </c>
      <c r="C67" s="309"/>
      <c r="D67" s="309"/>
      <c r="E67" s="309"/>
      <c r="F67" s="26"/>
      <c r="G67" s="222"/>
      <c r="H67" s="222"/>
      <c r="I67" s="222"/>
    </row>
    <row r="68" spans="1:9">
      <c r="A68" s="22"/>
      <c r="B68" s="308"/>
      <c r="C68" s="309"/>
      <c r="D68" s="309"/>
      <c r="E68" s="309"/>
      <c r="F68" s="222"/>
      <c r="G68" s="26"/>
      <c r="H68" s="222"/>
      <c r="I68" s="222"/>
    </row>
    <row r="69" spans="1:9">
      <c r="A69" s="22">
        <v>4</v>
      </c>
      <c r="B69" s="30" t="s">
        <v>39</v>
      </c>
      <c r="C69" s="222"/>
      <c r="D69" s="222"/>
      <c r="E69" s="222"/>
      <c r="F69" s="222"/>
      <c r="G69" s="26"/>
      <c r="H69" s="222"/>
      <c r="I69" s="222"/>
    </row>
    <row r="70" spans="1:9">
      <c r="A70" s="22"/>
      <c r="B70" s="221" t="s">
        <v>69</v>
      </c>
      <c r="C70" s="222"/>
      <c r="D70" s="222"/>
      <c r="E70" s="222"/>
      <c r="F70" s="222"/>
      <c r="G70" s="26"/>
      <c r="H70" s="222"/>
      <c r="I70" s="222"/>
    </row>
    <row r="71" spans="1:9">
      <c r="A71" s="22"/>
      <c r="B71" s="221"/>
      <c r="C71" s="222"/>
      <c r="D71" s="222"/>
      <c r="E71" s="222"/>
      <c r="F71" s="222"/>
      <c r="G71" s="26"/>
      <c r="H71" s="222"/>
      <c r="I71" s="222"/>
    </row>
    <row r="72" spans="1:9">
      <c r="A72" s="25">
        <v>4</v>
      </c>
      <c r="B72" s="30" t="s">
        <v>4</v>
      </c>
      <c r="C72" s="222"/>
      <c r="D72" s="222"/>
      <c r="E72" s="222"/>
      <c r="F72" s="222"/>
      <c r="G72" s="222"/>
      <c r="H72" s="222"/>
      <c r="I72" s="222"/>
    </row>
    <row r="73" spans="1:9">
      <c r="A73" s="22"/>
      <c r="B73" s="308" t="s">
        <v>22</v>
      </c>
      <c r="C73" s="309"/>
      <c r="D73" s="309"/>
      <c r="E73" s="222"/>
      <c r="F73" s="222"/>
      <c r="G73" s="222"/>
      <c r="H73" s="222"/>
      <c r="I73" s="222"/>
    </row>
    <row r="74" spans="1:9">
      <c r="A74" s="22"/>
      <c r="B74" s="221"/>
      <c r="C74" s="222"/>
      <c r="D74" s="222"/>
      <c r="E74" s="222"/>
      <c r="F74" s="222"/>
      <c r="G74" s="222"/>
      <c r="H74" s="222"/>
      <c r="I74" s="222"/>
    </row>
    <row r="75" spans="1:9">
      <c r="A75" s="235" t="s">
        <v>70</v>
      </c>
      <c r="B75" s="221"/>
      <c r="C75" s="222"/>
      <c r="D75" s="222"/>
      <c r="E75" s="222"/>
      <c r="F75" s="222"/>
      <c r="G75" s="222"/>
      <c r="H75" s="222"/>
      <c r="I75" s="222"/>
    </row>
    <row r="76" spans="1:9">
      <c r="A76" s="22"/>
      <c r="B76" s="221"/>
      <c r="C76" s="222"/>
      <c r="D76" s="222"/>
      <c r="E76" s="222"/>
      <c r="F76" s="222"/>
      <c r="G76" s="222"/>
      <c r="H76" s="222"/>
      <c r="I76" s="222"/>
    </row>
    <row r="77" spans="1:9">
      <c r="A77" s="25">
        <v>5</v>
      </c>
      <c r="B77" s="234" t="s">
        <v>11</v>
      </c>
      <c r="C77" s="222"/>
      <c r="D77" s="222"/>
      <c r="E77" s="222"/>
      <c r="F77" s="222"/>
      <c r="G77" s="222"/>
      <c r="H77" s="222"/>
      <c r="I77" s="222"/>
    </row>
    <row r="78" spans="1:9">
      <c r="A78" s="22"/>
      <c r="B78" s="308" t="s">
        <v>23</v>
      </c>
      <c r="C78" s="309"/>
      <c r="D78" s="309"/>
      <c r="E78" s="222"/>
      <c r="F78" s="222"/>
      <c r="G78" s="222"/>
      <c r="H78" s="222"/>
      <c r="I78" s="222"/>
    </row>
    <row r="79" spans="1:9">
      <c r="A79" s="22"/>
      <c r="B79" s="221"/>
      <c r="C79" s="222"/>
      <c r="D79" s="222"/>
      <c r="E79" s="222"/>
      <c r="F79" s="222"/>
      <c r="G79" s="222"/>
      <c r="H79" s="222"/>
      <c r="I79" s="222"/>
    </row>
    <row r="80" spans="1:9">
      <c r="A80" s="22">
        <v>5</v>
      </c>
      <c r="B80" s="30" t="s">
        <v>43</v>
      </c>
      <c r="C80" s="222"/>
      <c r="D80" s="222"/>
      <c r="E80" s="222"/>
      <c r="F80" s="222"/>
      <c r="G80" s="222"/>
      <c r="H80" s="222"/>
      <c r="I80" s="222"/>
    </row>
    <row r="81" spans="1:9">
      <c r="A81" s="22"/>
      <c r="B81" s="221" t="s">
        <v>71</v>
      </c>
      <c r="C81" s="222"/>
      <c r="D81" s="222"/>
      <c r="E81" s="222"/>
      <c r="F81" s="222"/>
      <c r="G81" s="222"/>
      <c r="H81" s="222"/>
      <c r="I81" s="222"/>
    </row>
    <row r="82" spans="1:9">
      <c r="A82" s="22"/>
      <c r="B82" s="222"/>
      <c r="C82" s="222"/>
      <c r="D82" s="222"/>
      <c r="E82" s="222"/>
      <c r="F82" s="222"/>
      <c r="G82" s="222"/>
      <c r="H82" s="222"/>
      <c r="I82" s="222"/>
    </row>
    <row r="83" spans="1:9">
      <c r="A83" s="25">
        <v>5</v>
      </c>
      <c r="B83" s="30" t="s">
        <v>262</v>
      </c>
      <c r="C83" s="222"/>
      <c r="D83" s="222"/>
      <c r="E83" s="222"/>
      <c r="F83" s="222"/>
      <c r="G83" s="222"/>
      <c r="H83" s="222"/>
      <c r="I83" s="222"/>
    </row>
    <row r="84" spans="1:9">
      <c r="A84" s="22"/>
      <c r="B84" s="308" t="s">
        <v>72</v>
      </c>
      <c r="C84" s="309"/>
      <c r="D84" s="309"/>
      <c r="E84" s="222"/>
      <c r="F84" s="222"/>
      <c r="G84" s="222"/>
      <c r="H84" s="222"/>
      <c r="I84" s="222"/>
    </row>
    <row r="85" spans="1:9">
      <c r="A85" s="22"/>
      <c r="B85" s="308"/>
      <c r="C85" s="309"/>
      <c r="D85" s="309"/>
      <c r="E85" s="222"/>
      <c r="F85" s="222"/>
      <c r="G85" s="222"/>
      <c r="H85" s="222"/>
      <c r="I85" s="222"/>
    </row>
    <row r="86" spans="1:9">
      <c r="A86" s="22">
        <v>5</v>
      </c>
      <c r="B86" s="30" t="s">
        <v>44</v>
      </c>
      <c r="C86" s="222"/>
      <c r="D86" s="222"/>
      <c r="E86" s="222"/>
      <c r="F86" s="222"/>
      <c r="G86" s="222"/>
      <c r="H86" s="222"/>
      <c r="I86" s="222"/>
    </row>
    <row r="87" spans="1:9">
      <c r="A87" s="22"/>
      <c r="B87" s="308" t="s">
        <v>72</v>
      </c>
      <c r="C87" s="309"/>
      <c r="D87" s="309"/>
      <c r="E87" s="222"/>
      <c r="F87" s="222"/>
      <c r="G87" s="222"/>
      <c r="H87" s="222"/>
      <c r="I87" s="222"/>
    </row>
    <row r="88" spans="1:9">
      <c r="A88" s="22"/>
      <c r="B88" s="221"/>
      <c r="C88" s="222"/>
      <c r="D88" s="222"/>
      <c r="E88" s="222"/>
      <c r="F88" s="222"/>
      <c r="G88" s="222"/>
      <c r="H88" s="222"/>
      <c r="I88" s="222"/>
    </row>
    <row r="89" spans="1:9">
      <c r="A89" s="235" t="s">
        <v>45</v>
      </c>
      <c r="B89" s="221"/>
      <c r="C89" s="222"/>
      <c r="D89" s="222"/>
      <c r="E89" s="222"/>
      <c r="F89" s="222"/>
      <c r="G89" s="222"/>
      <c r="H89" s="222"/>
      <c r="I89" s="222"/>
    </row>
    <row r="90" spans="1:9">
      <c r="A90" s="22"/>
      <c r="B90" s="221"/>
      <c r="C90" s="222"/>
      <c r="D90" s="222"/>
      <c r="E90" s="222"/>
      <c r="F90" s="222"/>
      <c r="G90" s="222"/>
      <c r="H90" s="222"/>
      <c r="I90" s="222"/>
    </row>
    <row r="91" spans="1:9">
      <c r="A91" s="25">
        <v>6</v>
      </c>
      <c r="B91" s="234" t="s">
        <v>12</v>
      </c>
      <c r="C91" s="222"/>
      <c r="D91" s="222"/>
      <c r="E91" s="222"/>
      <c r="F91" s="222"/>
      <c r="G91" s="222"/>
      <c r="H91" s="222"/>
      <c r="I91" s="222"/>
    </row>
    <row r="92" spans="1:9">
      <c r="A92" s="22"/>
      <c r="B92" s="308" t="s">
        <v>24</v>
      </c>
      <c r="C92" s="309"/>
      <c r="D92" s="309"/>
      <c r="E92" s="222"/>
      <c r="F92" s="222"/>
      <c r="G92" s="222"/>
      <c r="H92" s="222"/>
      <c r="I92" s="222"/>
    </row>
    <row r="93" spans="1:9">
      <c r="A93" s="22"/>
      <c r="B93" s="308"/>
      <c r="C93" s="309"/>
      <c r="D93" s="309"/>
      <c r="E93" s="222"/>
      <c r="F93" s="222"/>
      <c r="G93" s="222"/>
      <c r="H93" s="222"/>
      <c r="I93" s="222"/>
    </row>
    <row r="94" spans="1:9">
      <c r="A94" s="22">
        <v>6</v>
      </c>
      <c r="B94" s="30" t="s">
        <v>46</v>
      </c>
      <c r="C94" s="222"/>
      <c r="D94" s="222"/>
      <c r="E94" s="222"/>
      <c r="F94" s="222"/>
      <c r="G94" s="222"/>
      <c r="H94" s="222"/>
      <c r="I94" s="222"/>
    </row>
    <row r="95" spans="1:9">
      <c r="A95" s="22"/>
      <c r="B95" s="221" t="s">
        <v>73</v>
      </c>
      <c r="C95" s="222"/>
      <c r="D95" s="222"/>
      <c r="E95" s="222"/>
      <c r="F95" s="222"/>
      <c r="G95" s="222"/>
      <c r="H95" s="222"/>
      <c r="I95" s="222"/>
    </row>
    <row r="96" spans="1:9">
      <c r="A96" s="22"/>
      <c r="B96" s="222"/>
      <c r="C96" s="222"/>
      <c r="D96" s="222"/>
      <c r="E96" s="222"/>
      <c r="F96" s="222"/>
      <c r="G96" s="222"/>
      <c r="H96" s="222"/>
      <c r="I96" s="222"/>
    </row>
    <row r="97" spans="1:9">
      <c r="A97" s="25">
        <v>6</v>
      </c>
      <c r="B97" s="30" t="s">
        <v>264</v>
      </c>
      <c r="C97" s="222"/>
      <c r="D97" s="222"/>
      <c r="E97" s="222"/>
      <c r="F97" s="222"/>
      <c r="G97" s="222"/>
      <c r="H97" s="222"/>
      <c r="I97" s="222"/>
    </row>
    <row r="98" spans="1:9">
      <c r="A98" s="22"/>
      <c r="B98" s="308" t="s">
        <v>25</v>
      </c>
      <c r="C98" s="309"/>
      <c r="D98" s="309"/>
      <c r="E98" s="222"/>
      <c r="F98" s="222"/>
      <c r="G98" s="222"/>
      <c r="H98" s="222"/>
      <c r="I98" s="222"/>
    </row>
    <row r="99" spans="1:9">
      <c r="A99" s="22"/>
      <c r="B99" s="308"/>
      <c r="C99" s="309"/>
      <c r="D99" s="309"/>
      <c r="E99" s="222"/>
      <c r="F99" s="222"/>
      <c r="G99" s="222"/>
      <c r="H99" s="222"/>
      <c r="I99" s="222"/>
    </row>
    <row r="100" spans="1:9">
      <c r="A100" s="22">
        <v>6</v>
      </c>
      <c r="B100" s="30" t="s">
        <v>47</v>
      </c>
      <c r="C100" s="222"/>
      <c r="D100" s="222"/>
      <c r="E100" s="222"/>
      <c r="F100" s="222"/>
      <c r="G100" s="222"/>
      <c r="H100" s="222"/>
      <c r="I100" s="222"/>
    </row>
    <row r="101" spans="1:9">
      <c r="A101" s="22"/>
      <c r="B101" s="221" t="s">
        <v>74</v>
      </c>
      <c r="C101" s="222"/>
      <c r="D101" s="222"/>
      <c r="E101" s="222"/>
      <c r="F101" s="222"/>
      <c r="G101" s="222"/>
      <c r="H101" s="222"/>
      <c r="I101" s="222"/>
    </row>
    <row r="102" spans="1:9">
      <c r="A102" s="22"/>
      <c r="B102" s="221"/>
      <c r="C102" s="222"/>
      <c r="D102" s="222"/>
      <c r="E102" s="222"/>
      <c r="F102" s="222"/>
      <c r="G102" s="222"/>
      <c r="H102" s="222"/>
      <c r="I102" s="222"/>
    </row>
    <row r="103" spans="1:9">
      <c r="A103" s="22">
        <v>6</v>
      </c>
      <c r="B103" s="30" t="s">
        <v>266</v>
      </c>
      <c r="C103" s="282"/>
      <c r="D103" s="282"/>
      <c r="E103" s="282"/>
      <c r="F103" s="282"/>
      <c r="G103" s="282"/>
      <c r="H103" s="282"/>
      <c r="I103" s="282"/>
    </row>
    <row r="104" spans="1:9">
      <c r="A104" s="22"/>
      <c r="B104" s="281" t="s">
        <v>74</v>
      </c>
      <c r="C104" s="282"/>
      <c r="D104" s="282"/>
      <c r="E104" s="282"/>
      <c r="F104" s="282"/>
      <c r="G104" s="282"/>
      <c r="H104" s="282"/>
      <c r="I104" s="282"/>
    </row>
    <row r="105" spans="1:9">
      <c r="A105" s="22"/>
      <c r="B105" s="281"/>
      <c r="C105" s="282"/>
      <c r="D105" s="282"/>
      <c r="E105" s="282"/>
      <c r="F105" s="282"/>
      <c r="G105" s="282"/>
      <c r="H105" s="282"/>
      <c r="I105" s="282"/>
    </row>
    <row r="106" spans="1:9">
      <c r="A106" s="22">
        <v>6</v>
      </c>
      <c r="B106" s="26" t="s">
        <v>30</v>
      </c>
      <c r="C106" s="222"/>
      <c r="D106" s="222"/>
      <c r="E106" s="222"/>
      <c r="F106" s="222"/>
      <c r="G106" s="222"/>
      <c r="H106" s="222"/>
      <c r="I106" s="222"/>
    </row>
    <row r="107" spans="1:9">
      <c r="A107" s="25"/>
      <c r="B107" s="222" t="s">
        <v>75</v>
      </c>
      <c r="C107" s="222"/>
      <c r="D107" s="222"/>
      <c r="E107" s="222"/>
      <c r="F107" s="222"/>
      <c r="G107" s="222"/>
      <c r="H107" s="222"/>
      <c r="I107" s="222"/>
    </row>
    <row r="108" spans="1:9">
      <c r="A108" s="22"/>
      <c r="B108" s="308"/>
      <c r="C108" s="309"/>
      <c r="D108" s="309"/>
      <c r="E108" s="222"/>
      <c r="F108" s="222"/>
      <c r="G108" s="222"/>
      <c r="H108" s="222"/>
      <c r="I108" s="222"/>
    </row>
    <row r="109" spans="1:9">
      <c r="A109" s="22">
        <v>6</v>
      </c>
      <c r="B109" s="30" t="s">
        <v>13</v>
      </c>
      <c r="C109" s="222"/>
      <c r="D109" s="222"/>
      <c r="E109" s="222"/>
      <c r="F109" s="222"/>
      <c r="G109" s="222"/>
      <c r="H109" s="222"/>
      <c r="I109" s="222"/>
    </row>
    <row r="110" spans="1:9">
      <c r="A110" s="31"/>
      <c r="B110" s="308" t="s">
        <v>14</v>
      </c>
      <c r="C110" s="309"/>
      <c r="D110" s="309"/>
      <c r="E110" s="222"/>
      <c r="F110" s="222"/>
      <c r="G110" s="222"/>
      <c r="H110" s="222"/>
      <c r="I110" s="222"/>
    </row>
    <row r="111" spans="1:9">
      <c r="A111" s="31"/>
      <c r="B111" s="221"/>
      <c r="C111" s="222"/>
      <c r="D111" s="222"/>
      <c r="E111" s="222"/>
      <c r="F111" s="222"/>
      <c r="G111" s="222"/>
      <c r="H111" s="222"/>
      <c r="I111" s="222"/>
    </row>
    <row r="112" spans="1:9">
      <c r="A112" s="235" t="s">
        <v>48</v>
      </c>
      <c r="B112" s="34"/>
      <c r="C112" s="35"/>
      <c r="D112" s="35"/>
      <c r="E112" s="222"/>
      <c r="F112" s="222"/>
      <c r="G112" s="222"/>
      <c r="H112" s="222"/>
      <c r="I112" s="222"/>
    </row>
    <row r="113" spans="1:9">
      <c r="A113" s="31"/>
      <c r="B113" s="30"/>
      <c r="C113" s="222"/>
      <c r="D113" s="222"/>
      <c r="E113" s="222"/>
      <c r="F113" s="222"/>
      <c r="G113" s="222"/>
      <c r="H113" s="222"/>
      <c r="I113" s="222"/>
    </row>
    <row r="114" spans="1:9">
      <c r="A114" s="25">
        <v>7</v>
      </c>
      <c r="B114" s="234" t="s">
        <v>272</v>
      </c>
      <c r="C114" s="222"/>
      <c r="D114" s="222"/>
      <c r="E114" s="222"/>
      <c r="F114" s="222"/>
      <c r="G114" s="222"/>
      <c r="H114" s="222"/>
      <c r="I114" s="222"/>
    </row>
    <row r="115" spans="1:9">
      <c r="A115" s="31"/>
      <c r="B115" s="308" t="s">
        <v>420</v>
      </c>
      <c r="C115" s="309"/>
      <c r="D115" s="309"/>
      <c r="E115" s="222"/>
      <c r="F115" s="222"/>
      <c r="G115" s="222"/>
      <c r="H115" s="222"/>
      <c r="I115" s="222"/>
    </row>
    <row r="116" spans="1:9">
      <c r="A116" s="31"/>
      <c r="B116" s="308"/>
      <c r="C116" s="309"/>
      <c r="D116" s="309"/>
      <c r="E116" s="222"/>
      <c r="F116" s="222"/>
      <c r="G116" s="222"/>
      <c r="H116" s="222"/>
      <c r="I116" s="222"/>
    </row>
    <row r="117" spans="1:9">
      <c r="A117" s="25">
        <v>7</v>
      </c>
      <c r="B117" s="30" t="s">
        <v>49</v>
      </c>
      <c r="C117" s="222"/>
      <c r="D117" s="222"/>
      <c r="E117" s="222"/>
      <c r="F117" s="222"/>
      <c r="G117" s="222"/>
      <c r="H117" s="222"/>
      <c r="I117" s="222"/>
    </row>
    <row r="118" spans="1:9">
      <c r="A118" s="31"/>
      <c r="B118" s="221" t="s">
        <v>76</v>
      </c>
      <c r="C118" s="222"/>
      <c r="D118" s="222"/>
      <c r="E118" s="222"/>
      <c r="F118" s="222"/>
      <c r="G118" s="222"/>
      <c r="H118" s="222"/>
      <c r="I118" s="222"/>
    </row>
    <row r="119" spans="1:9">
      <c r="A119" s="31"/>
      <c r="B119" s="221"/>
      <c r="C119" s="222"/>
      <c r="D119" s="222"/>
      <c r="E119" s="222"/>
      <c r="F119" s="222"/>
      <c r="G119" s="222"/>
      <c r="H119" s="222"/>
      <c r="I119" s="222"/>
    </row>
    <row r="120" spans="1:9">
      <c r="A120" s="25">
        <v>7</v>
      </c>
      <c r="B120" s="30" t="s">
        <v>50</v>
      </c>
      <c r="C120" s="222"/>
      <c r="D120" s="222"/>
      <c r="E120" s="222"/>
      <c r="F120" s="222"/>
      <c r="G120" s="222"/>
      <c r="H120" s="222"/>
      <c r="I120" s="222"/>
    </row>
    <row r="121" spans="1:9">
      <c r="A121" s="31"/>
      <c r="B121" s="221" t="s">
        <v>77</v>
      </c>
      <c r="C121" s="222"/>
      <c r="D121" s="222"/>
      <c r="E121" s="222"/>
      <c r="F121" s="222"/>
      <c r="G121" s="222"/>
      <c r="H121" s="222"/>
      <c r="I121" s="222"/>
    </row>
    <row r="122" spans="1:9">
      <c r="A122" s="25"/>
      <c r="B122" s="221"/>
      <c r="C122" s="222"/>
      <c r="D122" s="222"/>
      <c r="E122" s="222"/>
      <c r="F122" s="222"/>
      <c r="G122" s="222"/>
      <c r="H122" s="222"/>
      <c r="I122" s="222"/>
    </row>
    <row r="123" spans="1:9">
      <c r="A123" s="25">
        <v>7</v>
      </c>
      <c r="B123" s="30" t="s">
        <v>275</v>
      </c>
      <c r="C123" s="222"/>
      <c r="D123" s="222"/>
      <c r="E123" s="222"/>
      <c r="F123" s="222"/>
      <c r="G123" s="222"/>
      <c r="H123" s="222"/>
      <c r="I123" s="222"/>
    </row>
    <row r="124" spans="1:9">
      <c r="A124" s="25"/>
      <c r="B124" s="281" t="s">
        <v>421</v>
      </c>
      <c r="C124" s="222"/>
      <c r="D124" s="222"/>
      <c r="E124" s="222"/>
      <c r="F124" s="222"/>
      <c r="G124" s="222"/>
      <c r="H124" s="222"/>
      <c r="I124" s="222"/>
    </row>
    <row r="125" spans="1:9">
      <c r="A125" s="25"/>
      <c r="B125" s="221"/>
      <c r="C125" s="222"/>
      <c r="D125" s="222"/>
      <c r="E125" s="222"/>
      <c r="F125" s="222"/>
      <c r="G125" s="222"/>
      <c r="H125" s="222"/>
      <c r="I125" s="222"/>
    </row>
    <row r="126" spans="1:9">
      <c r="A126" s="25">
        <v>7</v>
      </c>
      <c r="B126" s="30" t="s">
        <v>15</v>
      </c>
      <c r="C126" s="222"/>
      <c r="D126" s="222"/>
      <c r="E126" s="222"/>
      <c r="F126" s="222"/>
      <c r="G126" s="222"/>
      <c r="H126" s="222"/>
      <c r="I126" s="222"/>
    </row>
    <row r="127" spans="1:9">
      <c r="A127" s="31"/>
      <c r="B127" s="308" t="s">
        <v>26</v>
      </c>
      <c r="C127" s="309"/>
      <c r="D127" s="309"/>
      <c r="E127" s="222"/>
      <c r="F127" s="222"/>
      <c r="G127" s="222"/>
      <c r="H127" s="222"/>
      <c r="I127" s="222"/>
    </row>
    <row r="128" spans="1:9">
      <c r="A128" s="25"/>
      <c r="B128" s="221"/>
      <c r="C128" s="222"/>
      <c r="D128" s="222"/>
      <c r="E128" s="222"/>
      <c r="F128" s="222"/>
      <c r="G128" s="222"/>
      <c r="H128" s="222"/>
      <c r="I128" s="222"/>
    </row>
    <row r="129" spans="1:9">
      <c r="A129" s="25">
        <v>7</v>
      </c>
      <c r="B129" s="30" t="s">
        <v>78</v>
      </c>
      <c r="C129" s="222"/>
      <c r="D129" s="222"/>
      <c r="E129" s="222"/>
      <c r="F129" s="222"/>
      <c r="G129" s="222"/>
      <c r="H129" s="222"/>
      <c r="I129" s="222"/>
    </row>
    <row r="130" spans="1:9">
      <c r="A130" s="31"/>
      <c r="B130" s="221" t="s">
        <v>79</v>
      </c>
      <c r="C130" s="222"/>
      <c r="D130" s="222"/>
      <c r="E130" s="222"/>
      <c r="F130" s="222"/>
      <c r="G130" s="222"/>
      <c r="H130" s="222"/>
      <c r="I130" s="222"/>
    </row>
    <row r="131" spans="1:9">
      <c r="A131" s="31"/>
      <c r="B131" s="221"/>
      <c r="C131" s="222"/>
      <c r="D131" s="222"/>
      <c r="E131" s="222"/>
      <c r="F131" s="222"/>
      <c r="G131" s="222"/>
      <c r="H131" s="222"/>
      <c r="I131" s="222"/>
    </row>
    <row r="132" spans="1:9">
      <c r="A132" s="25">
        <v>7</v>
      </c>
      <c r="B132" s="265" t="s">
        <v>51</v>
      </c>
      <c r="C132" s="25"/>
      <c r="D132" s="25"/>
      <c r="E132" s="222"/>
      <c r="F132" s="222"/>
      <c r="G132" s="222"/>
      <c r="H132" s="222"/>
      <c r="I132" s="222"/>
    </row>
    <row r="133" spans="1:9">
      <c r="A133" s="25"/>
      <c r="B133" s="25" t="s">
        <v>27</v>
      </c>
      <c r="C133" s="25"/>
      <c r="D133" s="25"/>
      <c r="E133" s="222"/>
      <c r="F133" s="222"/>
      <c r="G133" s="222"/>
      <c r="H133" s="222"/>
      <c r="I133" s="222"/>
    </row>
    <row r="134" spans="1:9">
      <c r="A134" s="25"/>
      <c r="B134" s="25"/>
      <c r="C134" s="25"/>
      <c r="D134" s="25"/>
      <c r="E134" s="222"/>
      <c r="F134" s="222"/>
      <c r="G134" s="222"/>
      <c r="H134" s="222"/>
      <c r="I134" s="222"/>
    </row>
    <row r="135" spans="1:9">
      <c r="A135" s="25">
        <v>7</v>
      </c>
      <c r="B135" s="265" t="s">
        <v>52</v>
      </c>
      <c r="C135" s="25"/>
      <c r="D135" s="25"/>
      <c r="E135" s="222"/>
      <c r="F135" s="222"/>
      <c r="G135" s="222"/>
      <c r="H135" s="222"/>
      <c r="I135" s="222"/>
    </row>
    <row r="136" spans="1:9">
      <c r="A136" s="25"/>
      <c r="B136" s="25" t="s">
        <v>80</v>
      </c>
      <c r="C136" s="25"/>
      <c r="D136" s="25"/>
      <c r="E136" s="222"/>
      <c r="F136" s="222"/>
      <c r="G136" s="222"/>
      <c r="H136" s="222"/>
      <c r="I136" s="222"/>
    </row>
    <row r="137" spans="1:9">
      <c r="A137" s="31"/>
      <c r="B137" s="221"/>
      <c r="C137" s="222"/>
      <c r="D137" s="222"/>
      <c r="E137" s="222"/>
      <c r="F137" s="222"/>
      <c r="G137" s="222"/>
      <c r="H137" s="222"/>
      <c r="I137" s="222"/>
    </row>
    <row r="138" spans="1:9">
      <c r="A138" s="25">
        <v>7</v>
      </c>
      <c r="B138" s="265" t="s">
        <v>16</v>
      </c>
      <c r="C138" s="222"/>
      <c r="D138" s="222"/>
      <c r="E138" s="222"/>
      <c r="F138" s="222"/>
      <c r="G138" s="222"/>
      <c r="H138" s="222"/>
      <c r="I138" s="222"/>
    </row>
    <row r="139" spans="1:9">
      <c r="A139" s="31"/>
      <c r="B139" s="308" t="s">
        <v>28</v>
      </c>
      <c r="C139" s="309"/>
      <c r="D139" s="309"/>
      <c r="E139" s="222"/>
      <c r="F139" s="222"/>
      <c r="G139" s="222"/>
      <c r="H139" s="222"/>
      <c r="I139" s="222"/>
    </row>
    <row r="140" spans="1:9">
      <c r="A140" s="31"/>
      <c r="B140" s="221"/>
      <c r="C140" s="222"/>
      <c r="D140" s="222"/>
      <c r="E140" s="222"/>
      <c r="F140" s="222"/>
      <c r="G140" s="222"/>
      <c r="H140" s="222"/>
      <c r="I140" s="222"/>
    </row>
    <row r="141" spans="1:9">
      <c r="A141" s="25">
        <v>7</v>
      </c>
      <c r="B141" s="30" t="s">
        <v>53</v>
      </c>
      <c r="C141" s="222"/>
      <c r="D141" s="222"/>
      <c r="E141" s="222"/>
      <c r="F141" s="222"/>
      <c r="G141" s="222"/>
      <c r="H141" s="222"/>
      <c r="I141" s="222"/>
    </row>
    <row r="142" spans="1:9">
      <c r="A142" s="31"/>
      <c r="B142" s="25" t="s">
        <v>81</v>
      </c>
      <c r="C142" s="222"/>
      <c r="D142" s="222"/>
      <c r="E142" s="222"/>
      <c r="F142" s="222"/>
      <c r="G142" s="222"/>
      <c r="H142" s="222"/>
      <c r="I142" s="222"/>
    </row>
    <row r="143" spans="1:9">
      <c r="A143" s="31"/>
      <c r="B143" s="221"/>
      <c r="C143" s="222"/>
      <c r="D143" s="222"/>
      <c r="E143" s="222"/>
      <c r="F143" s="222"/>
      <c r="G143" s="222"/>
      <c r="H143" s="222"/>
      <c r="I143" s="222"/>
    </row>
    <row r="144" spans="1:9">
      <c r="A144" s="235" t="s">
        <v>54</v>
      </c>
      <c r="B144" s="34"/>
      <c r="C144" s="34"/>
      <c r="D144" s="34"/>
      <c r="E144" s="222"/>
      <c r="F144" s="222"/>
      <c r="G144" s="222"/>
      <c r="H144" s="222"/>
      <c r="I144" s="222"/>
    </row>
    <row r="145" spans="1:9">
      <c r="A145" s="31"/>
      <c r="B145" s="30"/>
      <c r="C145" s="222"/>
      <c r="D145" s="222"/>
      <c r="E145" s="222"/>
      <c r="F145" s="222"/>
      <c r="G145" s="222"/>
      <c r="H145" s="222"/>
      <c r="I145" s="222"/>
    </row>
    <row r="146" spans="1:9">
      <c r="A146" s="25">
        <v>8</v>
      </c>
      <c r="B146" s="234" t="s">
        <v>17</v>
      </c>
      <c r="C146" s="222"/>
      <c r="D146" s="222"/>
      <c r="E146" s="222"/>
      <c r="F146" s="222"/>
      <c r="G146" s="222"/>
      <c r="H146" s="222"/>
      <c r="I146" s="222"/>
    </row>
    <row r="147" spans="1:9">
      <c r="A147" s="31"/>
      <c r="B147" s="308" t="s">
        <v>29</v>
      </c>
      <c r="C147" s="309"/>
      <c r="D147" s="309"/>
      <c r="E147" s="222"/>
      <c r="F147" s="222"/>
      <c r="G147" s="222"/>
      <c r="H147" s="222"/>
      <c r="I147" s="222"/>
    </row>
    <row r="148" spans="1:9">
      <c r="A148" s="31"/>
      <c r="B148" s="308"/>
      <c r="C148" s="309"/>
      <c r="D148" s="309"/>
      <c r="E148" s="222"/>
      <c r="F148" s="222"/>
      <c r="G148" s="222"/>
      <c r="H148" s="222"/>
      <c r="I148" s="222"/>
    </row>
    <row r="149" spans="1:9">
      <c r="A149" s="22">
        <v>8</v>
      </c>
      <c r="B149" s="26" t="s">
        <v>55</v>
      </c>
      <c r="C149" s="222"/>
      <c r="D149" s="222"/>
      <c r="E149" s="222"/>
      <c r="F149" s="222"/>
      <c r="G149" s="222"/>
      <c r="H149" s="222"/>
      <c r="I149" s="222"/>
    </row>
    <row r="150" spans="1:9">
      <c r="A150" s="22"/>
      <c r="B150" s="25" t="s">
        <v>177</v>
      </c>
      <c r="C150" s="222"/>
      <c r="D150" s="222"/>
      <c r="E150" s="222"/>
      <c r="F150" s="222"/>
      <c r="G150" s="222"/>
      <c r="H150" s="222"/>
      <c r="I150" s="222"/>
    </row>
    <row r="151" spans="1:9">
      <c r="A151" s="22"/>
      <c r="B151" s="222"/>
      <c r="C151" s="222"/>
      <c r="D151" s="222"/>
      <c r="E151" s="222"/>
      <c r="F151" s="222"/>
      <c r="G151" s="222"/>
      <c r="H151" s="222"/>
      <c r="I151" s="222"/>
    </row>
    <row r="152" spans="1:9">
      <c r="A152" s="22"/>
      <c r="B152" s="222"/>
      <c r="C152" s="222"/>
      <c r="D152" s="222"/>
      <c r="E152" s="222"/>
      <c r="F152" s="222"/>
      <c r="G152" s="222"/>
      <c r="H152" s="222"/>
      <c r="I152" s="222"/>
    </row>
  </sheetData>
  <mergeCells count="30">
    <mergeCell ref="B108:D108"/>
    <mergeCell ref="B73:D73"/>
    <mergeCell ref="B85:D85"/>
    <mergeCell ref="B67:E67"/>
    <mergeCell ref="B93:D93"/>
    <mergeCell ref="B84:D84"/>
    <mergeCell ref="B92:D92"/>
    <mergeCell ref="B68:E68"/>
    <mergeCell ref="B87:D87"/>
    <mergeCell ref="B63:C63"/>
    <mergeCell ref="B98:D98"/>
    <mergeCell ref="B99:D99"/>
    <mergeCell ref="B78:D78"/>
    <mergeCell ref="B64:E64"/>
    <mergeCell ref="A1:D1"/>
    <mergeCell ref="B8:F8"/>
    <mergeCell ref="B52:D52"/>
    <mergeCell ref="B53:D53"/>
    <mergeCell ref="B35:E35"/>
    <mergeCell ref="B11:D11"/>
    <mergeCell ref="B22:G22"/>
    <mergeCell ref="A30:C30"/>
    <mergeCell ref="B44:C44"/>
    <mergeCell ref="B148:D148"/>
    <mergeCell ref="B116:D116"/>
    <mergeCell ref="B110:D110"/>
    <mergeCell ref="B115:D115"/>
    <mergeCell ref="B139:D139"/>
    <mergeCell ref="B147:D147"/>
    <mergeCell ref="B127:D12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46"/>
  <sheetViews>
    <sheetView zoomScaleNormal="100" zoomScalePageLayoutView="75" workbookViewId="0"/>
  </sheetViews>
  <sheetFormatPr defaultColWidth="20.28515625" defaultRowHeight="15"/>
  <cols>
    <col min="1" max="1" width="41.7109375" style="1" customWidth="1"/>
    <col min="2" max="4" width="20.28515625" style="1" customWidth="1"/>
    <col min="5" max="6" width="20.28515625" style="5" customWidth="1"/>
    <col min="7" max="16384" width="20.28515625" style="1"/>
  </cols>
  <sheetData>
    <row r="1" spans="1:8" ht="31.5">
      <c r="A1" s="33" t="s">
        <v>63</v>
      </c>
    </row>
    <row r="3" spans="1:8" ht="18.75">
      <c r="A3" s="321" t="s">
        <v>82</v>
      </c>
      <c r="B3" s="321"/>
      <c r="C3" s="321"/>
      <c r="D3" s="321"/>
      <c r="E3" s="321"/>
      <c r="F3" s="321"/>
      <c r="G3" s="321"/>
      <c r="H3" s="321"/>
    </row>
    <row r="4" spans="1:8" ht="43.5" customHeight="1">
      <c r="A4" s="326" t="s">
        <v>83</v>
      </c>
      <c r="B4" s="326"/>
      <c r="C4" s="326"/>
      <c r="D4" s="326"/>
      <c r="E4" s="326"/>
      <c r="F4" s="326"/>
      <c r="G4" s="326"/>
      <c r="H4" s="326"/>
    </row>
    <row r="5" spans="1:8" ht="40.5" customHeight="1">
      <c r="A5" s="315" t="s">
        <v>84</v>
      </c>
      <c r="B5" s="316"/>
      <c r="C5" s="316"/>
      <c r="D5" s="316"/>
      <c r="E5" s="316"/>
      <c r="F5" s="316"/>
      <c r="G5" s="316"/>
      <c r="H5" s="316"/>
    </row>
    <row r="6" spans="1:8" ht="45" customHeight="1">
      <c r="A6" s="37" t="s">
        <v>85</v>
      </c>
      <c r="B6" s="38" t="s">
        <v>86</v>
      </c>
      <c r="C6" s="39" t="s">
        <v>87</v>
      </c>
      <c r="D6" s="40" t="s">
        <v>88</v>
      </c>
      <c r="E6" s="38" t="s">
        <v>410</v>
      </c>
      <c r="F6" s="40" t="s">
        <v>414</v>
      </c>
      <c r="G6" s="39" t="s">
        <v>412</v>
      </c>
      <c r="H6" s="40" t="s">
        <v>414</v>
      </c>
    </row>
    <row r="7" spans="1:8" ht="60">
      <c r="A7" s="41"/>
      <c r="B7" s="42" t="s">
        <v>89</v>
      </c>
      <c r="C7" s="43" t="s">
        <v>90</v>
      </c>
      <c r="D7" s="44" t="s">
        <v>91</v>
      </c>
      <c r="E7" s="42" t="s">
        <v>411</v>
      </c>
      <c r="F7" s="91" t="s">
        <v>104</v>
      </c>
      <c r="G7" s="128" t="s">
        <v>413</v>
      </c>
      <c r="H7" s="91" t="s">
        <v>104</v>
      </c>
    </row>
    <row r="8" spans="1:8">
      <c r="A8" s="45" t="s">
        <v>436</v>
      </c>
      <c r="B8" s="46">
        <v>10765</v>
      </c>
      <c r="C8" s="47">
        <v>71.107271693621257</v>
      </c>
      <c r="D8" s="48">
        <v>0.37240000000000001</v>
      </c>
      <c r="E8" s="286">
        <v>0.21129637167984341</v>
      </c>
      <c r="F8" s="284">
        <v>7.8691150813056249E-3</v>
      </c>
      <c r="G8" s="286">
        <v>0.44223960828991737</v>
      </c>
      <c r="H8" s="284">
        <v>9.5718777259957942E-3</v>
      </c>
    </row>
    <row r="9" spans="1:8">
      <c r="A9" s="49" t="s">
        <v>437</v>
      </c>
      <c r="B9" s="50">
        <v>8628</v>
      </c>
      <c r="C9" s="51">
        <v>72.033155499690523</v>
      </c>
      <c r="D9" s="52">
        <v>0.41845088882719866</v>
      </c>
      <c r="E9" s="287">
        <v>0.18847712507970982</v>
      </c>
      <c r="F9" s="285">
        <v>8.4213478982355459E-3</v>
      </c>
      <c r="G9" s="287">
        <v>0.47128157181724678</v>
      </c>
      <c r="H9" s="285">
        <v>1.0745519058104679E-2</v>
      </c>
    </row>
    <row r="10" spans="1:8" s="5" customFormat="1">
      <c r="A10" s="45" t="s">
        <v>438</v>
      </c>
      <c r="B10" s="46">
        <v>1973</v>
      </c>
      <c r="C10" s="47">
        <v>68.900000000000006</v>
      </c>
      <c r="D10" s="48">
        <v>0.98</v>
      </c>
      <c r="E10" s="286">
        <v>0.252</v>
      </c>
      <c r="F10" s="284">
        <v>1.9541772765066311E-2</v>
      </c>
      <c r="G10" s="286">
        <v>0.37</v>
      </c>
      <c r="H10" s="284">
        <v>2.1720080486313968E-2</v>
      </c>
    </row>
    <row r="11" spans="1:8" s="5" customFormat="1">
      <c r="A11" s="49" t="s">
        <v>439</v>
      </c>
      <c r="B11" s="50">
        <v>3898</v>
      </c>
      <c r="C11" s="51">
        <v>71.287193175708737</v>
      </c>
      <c r="D11" s="52">
        <v>0.60760000000000003</v>
      </c>
      <c r="E11" s="287">
        <v>0.21716245482269897</v>
      </c>
      <c r="F11" s="285">
        <v>1.320759808935805E-2</v>
      </c>
      <c r="G11" s="287">
        <v>0.45064879030823224</v>
      </c>
      <c r="H11" s="285">
        <v>1.593070105969607E-2</v>
      </c>
    </row>
    <row r="12" spans="1:8" s="5" customFormat="1">
      <c r="A12" s="45" t="s">
        <v>440</v>
      </c>
      <c r="B12" s="46">
        <v>3264</v>
      </c>
      <c r="C12" s="47">
        <v>72.95242123127062</v>
      </c>
      <c r="D12" s="48">
        <v>0.58799999999999997</v>
      </c>
      <c r="E12" s="286">
        <v>0.183</v>
      </c>
      <c r="F12" s="284">
        <v>1.353886669295281E-2</v>
      </c>
      <c r="G12" s="286">
        <v>0.505</v>
      </c>
      <c r="H12" s="284">
        <v>1.7491913192276602E-2</v>
      </c>
    </row>
    <row r="13" spans="1:8" s="5" customFormat="1">
      <c r="A13" s="49" t="s">
        <v>452</v>
      </c>
      <c r="B13" s="50">
        <v>577</v>
      </c>
      <c r="C13" s="51">
        <v>72.381720792079591</v>
      </c>
      <c r="D13" s="52">
        <v>1.5287999999999999</v>
      </c>
      <c r="E13" s="287">
        <v>0.19058264234843103</v>
      </c>
      <c r="F13" s="285">
        <v>3.272738565078135E-2</v>
      </c>
      <c r="G13" s="287">
        <v>0.46716828724768883</v>
      </c>
      <c r="H13" s="285">
        <v>4.1398684558930615E-2</v>
      </c>
    </row>
    <row r="14" spans="1:8" s="5" customFormat="1">
      <c r="A14" s="45" t="s">
        <v>441</v>
      </c>
      <c r="B14" s="46">
        <v>148</v>
      </c>
      <c r="C14" s="47">
        <v>74.861954776150455</v>
      </c>
      <c r="D14" s="48">
        <v>2.9203999999999999</v>
      </c>
      <c r="E14" s="286">
        <v>0.16547633510372084</v>
      </c>
      <c r="F14" s="284">
        <v>6.1538651556870792E-2</v>
      </c>
      <c r="G14" s="286">
        <v>0.53879251103866488</v>
      </c>
      <c r="H14" s="284">
        <v>8.0878938453182711E-2</v>
      </c>
    </row>
    <row r="15" spans="1:8" s="5" customFormat="1">
      <c r="A15" s="49" t="s">
        <v>442</v>
      </c>
      <c r="B15" s="50">
        <v>107</v>
      </c>
      <c r="C15" s="51">
        <v>71.851352919253983</v>
      </c>
      <c r="D15" s="52">
        <v>3.4691999999999998</v>
      </c>
      <c r="E15" s="287">
        <v>0.17585766153694538</v>
      </c>
      <c r="F15" s="285">
        <v>7.4099468113847586E-2</v>
      </c>
      <c r="G15" s="287">
        <v>0.4225148896425695</v>
      </c>
      <c r="H15" s="285">
        <v>9.385074935594577E-2</v>
      </c>
    </row>
    <row r="16" spans="1:8" s="5" customFormat="1">
      <c r="A16" s="45" t="s">
        <v>443</v>
      </c>
      <c r="B16" s="46">
        <v>122</v>
      </c>
      <c r="C16" s="47">
        <v>70.137696076272192</v>
      </c>
      <c r="D16" s="48">
        <v>3.5672000000000001</v>
      </c>
      <c r="E16" s="286">
        <v>0.22420270140908588</v>
      </c>
      <c r="F16" s="284">
        <v>7.5317036095186571E-2</v>
      </c>
      <c r="G16" s="286">
        <v>0.41826938938214786</v>
      </c>
      <c r="H16" s="284">
        <v>8.7964187408718045E-2</v>
      </c>
    </row>
    <row r="17" spans="1:8" s="5" customFormat="1">
      <c r="A17" s="49" t="s">
        <v>444</v>
      </c>
      <c r="B17" s="50">
        <v>81</v>
      </c>
      <c r="C17" s="51">
        <v>78.97711771559139</v>
      </c>
      <c r="D17" s="52">
        <v>3.9984000000000002</v>
      </c>
      <c r="E17" s="287">
        <v>0.1135633181821392</v>
      </c>
      <c r="F17" s="285">
        <v>7.3369616118592038E-2</v>
      </c>
      <c r="G17" s="287">
        <v>0.59927459161142471</v>
      </c>
      <c r="H17" s="285">
        <v>0.10650607306744558</v>
      </c>
    </row>
    <row r="18" spans="1:8" s="5" customFormat="1">
      <c r="A18" s="45" t="s">
        <v>445</v>
      </c>
      <c r="B18" s="46">
        <v>123</v>
      </c>
      <c r="C18" s="47">
        <v>69.490318235021121</v>
      </c>
      <c r="D18" s="48">
        <v>3.2143999999999999</v>
      </c>
      <c r="E18" s="286">
        <v>0.2184786765250758</v>
      </c>
      <c r="F18" s="284">
        <v>7.4381336686720936E-2</v>
      </c>
      <c r="G18" s="286">
        <v>0.41361058170131026</v>
      </c>
      <c r="H18" s="284">
        <v>8.7484456840458025E-2</v>
      </c>
    </row>
    <row r="19" spans="1:8" s="5" customFormat="1">
      <c r="A19" s="49" t="s">
        <v>453</v>
      </c>
      <c r="B19" s="50">
        <v>957</v>
      </c>
      <c r="C19" s="51">
        <v>72.73066197565106</v>
      </c>
      <c r="D19" s="52">
        <v>1.1759999999999999</v>
      </c>
      <c r="E19" s="287">
        <v>0.1837718380135181</v>
      </c>
      <c r="F19" s="285">
        <v>2.5056064945325973E-2</v>
      </c>
      <c r="G19" s="287">
        <v>0.46277511330372917</v>
      </c>
      <c r="H19" s="285">
        <v>3.2169285525261049E-2</v>
      </c>
    </row>
    <row r="20" spans="1:8">
      <c r="A20" s="45" t="s">
        <v>446</v>
      </c>
      <c r="B20" s="46">
        <v>104</v>
      </c>
      <c r="C20" s="47">
        <v>73.534546268021387</v>
      </c>
      <c r="D20" s="48">
        <v>3.4887999999999999</v>
      </c>
      <c r="E20" s="286">
        <v>0.20757265093505659</v>
      </c>
      <c r="F20" s="284">
        <v>7.9513170324032045E-2</v>
      </c>
      <c r="G20" s="286">
        <v>0.53956205371580668</v>
      </c>
      <c r="H20" s="284">
        <v>9.5945322855861936E-2</v>
      </c>
    </row>
    <row r="21" spans="1:8">
      <c r="A21" s="49" t="s">
        <v>447</v>
      </c>
      <c r="B21" s="50">
        <v>197</v>
      </c>
      <c r="C21" s="51">
        <v>72.684778362282074</v>
      </c>
      <c r="D21" s="52">
        <v>2.3127999999999997</v>
      </c>
      <c r="E21" s="287">
        <v>0.2004191375303663</v>
      </c>
      <c r="F21" s="285">
        <v>5.7091678210486579E-2</v>
      </c>
      <c r="G21" s="287">
        <v>0.41992590372908922</v>
      </c>
      <c r="H21" s="285">
        <v>6.9660269876324413E-2</v>
      </c>
    </row>
    <row r="22" spans="1:8">
      <c r="A22" s="57" t="s">
        <v>448</v>
      </c>
      <c r="B22" s="46">
        <v>241</v>
      </c>
      <c r="C22" s="47">
        <v>74.91431352770887</v>
      </c>
      <c r="D22" s="48">
        <v>2.1364000000000001</v>
      </c>
      <c r="E22" s="286">
        <v>0.15270782451101825</v>
      </c>
      <c r="F22" s="284">
        <v>4.6650124810174047E-2</v>
      </c>
      <c r="G22" s="286">
        <v>0.50467274764065551</v>
      </c>
      <c r="H22" s="284">
        <v>6.3884956879605229E-2</v>
      </c>
    </row>
    <row r="23" spans="1:8">
      <c r="A23" s="49" t="s">
        <v>449</v>
      </c>
      <c r="B23" s="50">
        <v>124</v>
      </c>
      <c r="C23" s="51">
        <v>70.6526079700959</v>
      </c>
      <c r="D23" s="52">
        <v>3.2927999999999997</v>
      </c>
      <c r="E23" s="287">
        <v>0.20557386152180959</v>
      </c>
      <c r="F23" s="285">
        <v>7.2596168091286842E-2</v>
      </c>
      <c r="G23" s="287">
        <v>0.42378020302338509</v>
      </c>
      <c r="H23" s="285">
        <v>8.7419241364038516E-2</v>
      </c>
    </row>
    <row r="24" spans="1:8">
      <c r="A24" s="57" t="s">
        <v>450</v>
      </c>
      <c r="B24" s="46">
        <v>127</v>
      </c>
      <c r="C24" s="47">
        <v>69.278653961153893</v>
      </c>
      <c r="D24" s="48">
        <v>3.6456</v>
      </c>
      <c r="E24" s="286">
        <v>0.22992639637162612</v>
      </c>
      <c r="F24" s="284">
        <v>7.4433551380903809E-2</v>
      </c>
      <c r="G24" s="286">
        <v>0.48912285687216761</v>
      </c>
      <c r="H24" s="284">
        <v>8.735097278536201E-2</v>
      </c>
    </row>
    <row r="25" spans="1:8">
      <c r="A25" s="49" t="s">
        <v>451</v>
      </c>
      <c r="B25" s="50">
        <v>164</v>
      </c>
      <c r="C25" s="51">
        <v>73.261470948132441</v>
      </c>
      <c r="D25" s="52">
        <v>3.234</v>
      </c>
      <c r="E25" s="287">
        <v>0.14310607722336124</v>
      </c>
      <c r="F25" s="285">
        <v>5.5338765093045181E-2</v>
      </c>
      <c r="G25" s="287">
        <v>0.42557620830035559</v>
      </c>
      <c r="H25" s="285">
        <v>7.6332873222078726E-2</v>
      </c>
    </row>
    <row r="26" spans="1:8">
      <c r="A26" s="57" t="s">
        <v>457</v>
      </c>
      <c r="B26" s="46">
        <v>130</v>
      </c>
      <c r="C26" s="47">
        <v>67.039102838671269</v>
      </c>
      <c r="D26" s="48">
        <v>3.1947999999999999</v>
      </c>
      <c r="E26" s="286">
        <v>0.33377780137674112</v>
      </c>
      <c r="F26" s="284">
        <v>8.1770538451521574E-2</v>
      </c>
      <c r="G26" s="286">
        <v>0.26908811833481761</v>
      </c>
      <c r="H26" s="284">
        <v>7.7231091926416889E-2</v>
      </c>
    </row>
    <row r="27" spans="1:8">
      <c r="A27" s="49" t="s">
        <v>460</v>
      </c>
      <c r="B27" s="50">
        <v>195</v>
      </c>
      <c r="C27" s="51">
        <v>68.728576776609771</v>
      </c>
      <c r="D27" s="52">
        <v>2.8615999999999997</v>
      </c>
      <c r="E27" s="287">
        <v>0.25345752457291471</v>
      </c>
      <c r="F27" s="285">
        <v>6.2064287464562815E-2</v>
      </c>
      <c r="G27" s="287">
        <v>0.36952204525544075</v>
      </c>
      <c r="H27" s="285">
        <v>6.8531330441519225E-2</v>
      </c>
    </row>
    <row r="28" spans="1:8" s="5" customFormat="1">
      <c r="A28" s="57" t="s">
        <v>458</v>
      </c>
      <c r="B28" s="46">
        <v>179</v>
      </c>
      <c r="C28" s="47">
        <v>66.339963263718843</v>
      </c>
      <c r="D28" s="48">
        <v>3.0184000000000002</v>
      </c>
      <c r="E28" s="286">
        <v>0.33452028601752087</v>
      </c>
      <c r="F28" s="284">
        <v>6.9941501820625224E-2</v>
      </c>
      <c r="G28" s="286">
        <v>0.34278906218482291</v>
      </c>
      <c r="H28" s="284">
        <v>7.0339281160793868E-2</v>
      </c>
    </row>
    <row r="29" spans="1:8" s="5" customFormat="1"/>
    <row r="30" spans="1:8" s="5" customFormat="1"/>
    <row r="32" spans="1:8" ht="18.75">
      <c r="A32" s="321" t="s">
        <v>7</v>
      </c>
      <c r="B32" s="321"/>
      <c r="C32" s="321"/>
      <c r="D32" s="321"/>
      <c r="E32" s="321"/>
      <c r="F32" s="321"/>
      <c r="G32" s="321"/>
      <c r="H32" s="321"/>
    </row>
    <row r="33" spans="1:8" ht="63.75" customHeight="1">
      <c r="A33" s="327" t="s">
        <v>290</v>
      </c>
      <c r="B33" s="327"/>
      <c r="C33" s="327"/>
      <c r="D33" s="327"/>
      <c r="E33" s="327"/>
      <c r="F33" s="327"/>
      <c r="G33" s="327"/>
      <c r="H33" s="327"/>
    </row>
    <row r="34" spans="1:8" ht="39.75" customHeight="1">
      <c r="A34" s="315" t="s">
        <v>92</v>
      </c>
      <c r="B34" s="316"/>
      <c r="C34" s="316"/>
      <c r="D34" s="316"/>
      <c r="E34" s="316"/>
      <c r="F34" s="316"/>
      <c r="G34" s="316"/>
      <c r="H34" s="316"/>
    </row>
    <row r="35" spans="1:8" ht="45" customHeight="1">
      <c r="A35" s="37" t="s">
        <v>85</v>
      </c>
      <c r="B35" s="38" t="s">
        <v>86</v>
      </c>
      <c r="C35" s="39" t="s">
        <v>87</v>
      </c>
      <c r="D35" s="40" t="s">
        <v>88</v>
      </c>
      <c r="E35" s="38" t="s">
        <v>410</v>
      </c>
      <c r="F35" s="40" t="s">
        <v>414</v>
      </c>
      <c r="G35" s="39" t="s">
        <v>412</v>
      </c>
      <c r="H35" s="40" t="s">
        <v>414</v>
      </c>
    </row>
    <row r="36" spans="1:8" ht="87" customHeight="1">
      <c r="A36" s="41"/>
      <c r="B36" s="42" t="s">
        <v>89</v>
      </c>
      <c r="C36" s="43" t="s">
        <v>90</v>
      </c>
      <c r="D36" s="44" t="s">
        <v>91</v>
      </c>
      <c r="E36" s="42" t="s">
        <v>411</v>
      </c>
      <c r="F36" s="91" t="s">
        <v>104</v>
      </c>
      <c r="G36" s="128" t="s">
        <v>413</v>
      </c>
      <c r="H36" s="91" t="s">
        <v>104</v>
      </c>
    </row>
    <row r="37" spans="1:8">
      <c r="A37" s="45" t="s">
        <v>436</v>
      </c>
      <c r="B37" s="58">
        <v>10728</v>
      </c>
      <c r="C37" s="59">
        <v>69.8</v>
      </c>
      <c r="D37" s="60">
        <v>0.3332</v>
      </c>
      <c r="E37" s="288">
        <v>0.26500000000000001</v>
      </c>
      <c r="F37" s="289">
        <v>8.5212273349339705E-3</v>
      </c>
      <c r="G37" s="288">
        <v>0.32600000000000001</v>
      </c>
      <c r="H37" s="289">
        <v>9.0500444183065909E-3</v>
      </c>
    </row>
    <row r="38" spans="1:8" s="5" customFormat="1">
      <c r="A38" s="49" t="s">
        <v>437</v>
      </c>
      <c r="B38" s="61">
        <v>8596</v>
      </c>
      <c r="C38" s="62">
        <v>71.347129350525535</v>
      </c>
      <c r="D38" s="63">
        <v>0.37445591310394172</v>
      </c>
      <c r="E38" s="290">
        <v>0.23599999999999999</v>
      </c>
      <c r="F38" s="291">
        <v>9.1592834697616834E-3</v>
      </c>
      <c r="G38" s="290">
        <v>0.36099999999999999</v>
      </c>
      <c r="H38" s="291">
        <v>1.0358615532065801E-2</v>
      </c>
    </row>
    <row r="39" spans="1:8" s="5" customFormat="1">
      <c r="A39" s="45" t="s">
        <v>438</v>
      </c>
      <c r="B39" s="54">
        <v>1962</v>
      </c>
      <c r="C39" s="55">
        <v>66.88</v>
      </c>
      <c r="D39" s="56">
        <v>0.82319999999999993</v>
      </c>
      <c r="E39" s="292">
        <v>0.33</v>
      </c>
      <c r="F39" s="289">
        <v>2.1215240474457296E-2</v>
      </c>
      <c r="G39" s="292">
        <v>0.26500000000000001</v>
      </c>
      <c r="H39" s="289">
        <v>1.9918424257417147E-2</v>
      </c>
    </row>
    <row r="40" spans="1:8" s="5" customFormat="1">
      <c r="A40" s="49" t="s">
        <v>439</v>
      </c>
      <c r="B40" s="61">
        <v>3881</v>
      </c>
      <c r="C40" s="62">
        <v>70.099999999999994</v>
      </c>
      <c r="D40" s="63">
        <v>0.54880000000000007</v>
      </c>
      <c r="E40" s="290">
        <v>0.25387202943364107</v>
      </c>
      <c r="F40" s="291">
        <v>1.3969840735859504E-2</v>
      </c>
      <c r="G40" s="290">
        <v>0.33042155496921188</v>
      </c>
      <c r="H40" s="291">
        <v>1.5094804194734343E-2</v>
      </c>
    </row>
    <row r="41" spans="1:8" s="5" customFormat="1">
      <c r="A41" s="45" t="s">
        <v>440</v>
      </c>
      <c r="B41" s="54">
        <v>3248</v>
      </c>
      <c r="C41" s="55">
        <v>71.849999999999994</v>
      </c>
      <c r="D41" s="56">
        <v>0.58799999999999997</v>
      </c>
      <c r="E41" s="292">
        <v>0.223</v>
      </c>
      <c r="F41" s="289">
        <v>1.4606761780746162E-2</v>
      </c>
      <c r="G41" s="292">
        <v>0.36399999999999999</v>
      </c>
      <c r="H41" s="289">
        <v>1.687627623097487E-2</v>
      </c>
    </row>
    <row r="42" spans="1:8" s="5" customFormat="1">
      <c r="A42" s="49" t="s">
        <v>452</v>
      </c>
      <c r="B42" s="61">
        <v>571</v>
      </c>
      <c r="C42" s="62">
        <v>70.099999999999994</v>
      </c>
      <c r="D42" s="63">
        <v>1.4503999999999999</v>
      </c>
      <c r="E42" s="290">
        <v>0.24984725454916856</v>
      </c>
      <c r="F42" s="291">
        <v>3.6191875503451466E-2</v>
      </c>
      <c r="G42" s="290">
        <v>0.35298486555398073</v>
      </c>
      <c r="H42" s="291">
        <v>3.9885594057622577E-2</v>
      </c>
    </row>
    <row r="43" spans="1:8" s="5" customFormat="1">
      <c r="A43" s="45" t="s">
        <v>441</v>
      </c>
      <c r="B43" s="54">
        <v>146</v>
      </c>
      <c r="C43" s="55">
        <v>73.7</v>
      </c>
      <c r="D43" s="56">
        <v>2.5872000000000002</v>
      </c>
      <c r="E43" s="292">
        <v>0.19107709983993471</v>
      </c>
      <c r="F43" s="289">
        <v>6.5235686990396405E-2</v>
      </c>
      <c r="G43" s="292">
        <v>0.38840558788548785</v>
      </c>
      <c r="H43" s="289">
        <v>7.9699771338723399E-2</v>
      </c>
    </row>
    <row r="44" spans="1:8" s="5" customFormat="1">
      <c r="A44" s="49" t="s">
        <v>442</v>
      </c>
      <c r="B44" s="61">
        <v>107</v>
      </c>
      <c r="C44" s="62">
        <v>69.5</v>
      </c>
      <c r="D44" s="63">
        <v>3.3712</v>
      </c>
      <c r="E44" s="290">
        <v>0.26038684537162382</v>
      </c>
      <c r="F44" s="291">
        <v>8.4181048416120438E-2</v>
      </c>
      <c r="G44" s="290">
        <v>0.38382529181983721</v>
      </c>
      <c r="H44" s="291">
        <v>9.2504421291276936E-2</v>
      </c>
    </row>
    <row r="45" spans="1:8" s="5" customFormat="1">
      <c r="A45" s="45" t="s">
        <v>443</v>
      </c>
      <c r="B45" s="54">
        <v>122</v>
      </c>
      <c r="C45" s="55">
        <v>65.599999999999994</v>
      </c>
      <c r="D45" s="56">
        <v>3.4104000000000001</v>
      </c>
      <c r="E45" s="292">
        <v>0.36246541480347683</v>
      </c>
      <c r="F45" s="289">
        <v>8.5869257418101488E-2</v>
      </c>
      <c r="G45" s="292">
        <v>0.24549061755697252</v>
      </c>
      <c r="H45" s="289">
        <v>7.7515465603425024E-2</v>
      </c>
    </row>
    <row r="46" spans="1:8" s="5" customFormat="1">
      <c r="A46" s="49" t="s">
        <v>444</v>
      </c>
      <c r="B46" s="61">
        <v>81</v>
      </c>
      <c r="C46" s="62">
        <v>77.3</v>
      </c>
      <c r="D46" s="63">
        <v>3.8220000000000001</v>
      </c>
      <c r="E46" s="290">
        <v>9.1425775022647884E-2</v>
      </c>
      <c r="F46" s="291">
        <v>6.8051453131467224E-2</v>
      </c>
      <c r="G46" s="290">
        <v>0.50502058371320058</v>
      </c>
      <c r="H46" s="291">
        <v>0.10846026331671678</v>
      </c>
    </row>
    <row r="47" spans="1:8" s="5" customFormat="1">
      <c r="A47" s="45" t="s">
        <v>445</v>
      </c>
      <c r="B47" s="58">
        <v>119</v>
      </c>
      <c r="C47" s="59">
        <v>69.900000000000006</v>
      </c>
      <c r="D47" s="60">
        <v>3.0184000000000002</v>
      </c>
      <c r="E47" s="288">
        <v>0.21826568309578481</v>
      </c>
      <c r="F47" s="289">
        <v>7.5590764264935342E-2</v>
      </c>
      <c r="G47" s="288">
        <v>0.35505969245964747</v>
      </c>
      <c r="H47" s="289">
        <v>8.654834526829118E-2</v>
      </c>
    </row>
    <row r="48" spans="1:8">
      <c r="A48" s="49" t="s">
        <v>453</v>
      </c>
      <c r="B48" s="61">
        <v>955</v>
      </c>
      <c r="C48" s="62">
        <v>72.599999999999994</v>
      </c>
      <c r="D48" s="63">
        <v>1.0584</v>
      </c>
      <c r="E48" s="290">
        <v>0.19937661436635815</v>
      </c>
      <c r="F48" s="291">
        <v>2.5863837990978151E-2</v>
      </c>
      <c r="G48" s="290">
        <v>0.35199539378616079</v>
      </c>
      <c r="H48" s="291">
        <v>3.0856862214603417E-2</v>
      </c>
    </row>
    <row r="49" spans="1:50">
      <c r="A49" s="45" t="s">
        <v>446</v>
      </c>
      <c r="B49" s="54">
        <v>103</v>
      </c>
      <c r="C49" s="55">
        <v>72</v>
      </c>
      <c r="D49" s="56">
        <v>3.6652</v>
      </c>
      <c r="E49" s="292">
        <v>0.22309843242612637</v>
      </c>
      <c r="F49" s="289">
        <v>8.1790943995873458E-2</v>
      </c>
      <c r="G49" s="292">
        <v>0.36374999054662766</v>
      </c>
      <c r="H49" s="289">
        <v>9.3288410012036582E-2</v>
      </c>
    </row>
    <row r="50" spans="1:50">
      <c r="A50" s="49" t="s">
        <v>447</v>
      </c>
      <c r="B50" s="61">
        <v>197</v>
      </c>
      <c r="C50" s="62">
        <v>70.7</v>
      </c>
      <c r="D50" s="63">
        <v>2.2343999999999999</v>
      </c>
      <c r="E50" s="290">
        <v>0.23216406406158591</v>
      </c>
      <c r="F50" s="291">
        <v>6.0031611820991745E-2</v>
      </c>
      <c r="G50" s="290">
        <v>0.24491428526165657</v>
      </c>
      <c r="H50" s="291">
        <v>6.1083958021190009E-2</v>
      </c>
    </row>
    <row r="51" spans="1:50">
      <c r="A51" s="57" t="s">
        <v>448</v>
      </c>
      <c r="B51" s="58">
        <v>240</v>
      </c>
      <c r="C51" s="59">
        <v>74.900000000000006</v>
      </c>
      <c r="D51" s="60">
        <v>1.8619999999999999</v>
      </c>
      <c r="E51" s="288">
        <v>0.17672135681182641</v>
      </c>
      <c r="F51" s="289">
        <v>4.9404546120547975E-2</v>
      </c>
      <c r="G51" s="288">
        <v>0.41267390145624738</v>
      </c>
      <c r="H51" s="289">
        <v>6.3066726423905997E-2</v>
      </c>
    </row>
    <row r="52" spans="1:50">
      <c r="A52" s="49" t="s">
        <v>449</v>
      </c>
      <c r="B52" s="61">
        <v>123</v>
      </c>
      <c r="C52" s="62">
        <v>72</v>
      </c>
      <c r="D52" s="63">
        <v>3.0184000000000002</v>
      </c>
      <c r="E52" s="290">
        <v>0.22325040900643028</v>
      </c>
      <c r="F52" s="291">
        <v>7.4908505708236636E-2</v>
      </c>
      <c r="G52" s="290">
        <v>0.42424812371610526</v>
      </c>
      <c r="H52" s="291">
        <v>8.7775201679784767E-2</v>
      </c>
    </row>
    <row r="53" spans="1:50">
      <c r="A53" s="57" t="s">
        <v>450</v>
      </c>
      <c r="B53" s="58">
        <v>126</v>
      </c>
      <c r="C53" s="59">
        <v>71.2</v>
      </c>
      <c r="D53" s="60">
        <v>2.8811999999999998</v>
      </c>
      <c r="E53" s="288">
        <v>0.16940932048656893</v>
      </c>
      <c r="F53" s="289">
        <v>6.7329701576544804E-2</v>
      </c>
      <c r="G53" s="288">
        <v>0.33459120473724729</v>
      </c>
      <c r="H53" s="289">
        <v>8.3075077075916506E-2</v>
      </c>
    </row>
    <row r="54" spans="1:50">
      <c r="A54" s="49" t="s">
        <v>451</v>
      </c>
      <c r="B54" s="61">
        <v>166</v>
      </c>
      <c r="C54" s="62">
        <v>73.599999999999994</v>
      </c>
      <c r="D54" s="63">
        <v>2.6656</v>
      </c>
      <c r="E54" s="290">
        <v>0.18896639796664705</v>
      </c>
      <c r="F54" s="291">
        <v>6.0925624658434353E-2</v>
      </c>
      <c r="G54" s="290">
        <v>0.37460973284680499</v>
      </c>
      <c r="H54" s="291">
        <v>7.4361354439308164E-2</v>
      </c>
    </row>
    <row r="55" spans="1:50">
      <c r="A55" s="57" t="s">
        <v>457</v>
      </c>
      <c r="B55" s="58">
        <v>130</v>
      </c>
      <c r="C55" s="59">
        <v>64.2</v>
      </c>
      <c r="D55" s="60">
        <v>3.1947999999999999</v>
      </c>
      <c r="E55" s="288">
        <v>0.44452065922274192</v>
      </c>
      <c r="F55" s="289">
        <v>8.5884868912616055E-2</v>
      </c>
      <c r="G55" s="288">
        <v>0.19362437049223008</v>
      </c>
      <c r="H55" s="289">
        <v>6.9465824216643837E-2</v>
      </c>
    </row>
    <row r="56" spans="1:50">
      <c r="A56" s="49" t="s">
        <v>460</v>
      </c>
      <c r="B56" s="61">
        <v>195</v>
      </c>
      <c r="C56" s="62">
        <v>67.3</v>
      </c>
      <c r="D56" s="63">
        <v>2.6459999999999999</v>
      </c>
      <c r="E56" s="290">
        <v>0.25456918727756511</v>
      </c>
      <c r="F56" s="291">
        <v>6.2149267234952087E-2</v>
      </c>
      <c r="G56" s="290">
        <v>0.27715701419227218</v>
      </c>
      <c r="H56" s="291">
        <v>6.3770518464109277E-2</v>
      </c>
    </row>
    <row r="57" spans="1:50">
      <c r="A57" s="57" t="s">
        <v>458</v>
      </c>
      <c r="B57" s="58">
        <v>178</v>
      </c>
      <c r="C57" s="59">
        <v>65.400000000000006</v>
      </c>
      <c r="D57" s="60">
        <v>2.8420000000000001</v>
      </c>
      <c r="E57" s="288">
        <v>0.37961341090216699</v>
      </c>
      <c r="F57" s="289">
        <v>7.204045269271965E-2</v>
      </c>
      <c r="G57" s="288">
        <v>0.26912125011722687</v>
      </c>
      <c r="H57" s="289">
        <v>6.6135447354516042E-2</v>
      </c>
    </row>
    <row r="58" spans="1:50" s="5" customFormat="1"/>
    <row r="59" spans="1:50" s="5" customFormat="1"/>
    <row r="61" spans="1:50" ht="18.75">
      <c r="A61" s="321" t="s">
        <v>32</v>
      </c>
      <c r="B61" s="321"/>
      <c r="C61" s="321"/>
      <c r="D61" s="321"/>
      <c r="E61" s="321"/>
      <c r="F61" s="321"/>
      <c r="G61" s="321"/>
      <c r="H61" s="321"/>
      <c r="I61" s="321"/>
      <c r="J61" s="321"/>
      <c r="K61" s="321"/>
      <c r="L61" s="321"/>
      <c r="M61" s="321"/>
      <c r="N61" s="321"/>
      <c r="O61" s="321"/>
      <c r="P61" s="321"/>
      <c r="Q61" s="321"/>
      <c r="R61" s="321"/>
      <c r="S61" s="321"/>
      <c r="T61" s="321"/>
      <c r="U61" s="321"/>
      <c r="V61" s="321"/>
      <c r="W61" s="321"/>
      <c r="X61" s="321"/>
      <c r="Y61" s="321"/>
      <c r="Z61" s="321"/>
      <c r="AA61" s="321"/>
      <c r="AB61" s="321"/>
      <c r="AC61" s="321"/>
      <c r="AD61" s="321"/>
      <c r="AE61" s="321"/>
      <c r="AF61" s="321"/>
      <c r="AG61" s="321"/>
      <c r="AH61" s="321"/>
      <c r="AI61" s="321"/>
      <c r="AJ61" s="321"/>
      <c r="AK61" s="321"/>
      <c r="AL61" s="321"/>
      <c r="AM61" s="321"/>
      <c r="AN61" s="321"/>
      <c r="AO61" s="321"/>
      <c r="AP61" s="321"/>
      <c r="AQ61" s="321"/>
      <c r="AR61" s="321"/>
      <c r="AS61" s="321"/>
      <c r="AT61" s="321"/>
      <c r="AU61" s="321"/>
      <c r="AV61" s="321"/>
      <c r="AW61" s="321"/>
      <c r="AX61" s="321"/>
    </row>
    <row r="62" spans="1:50" ht="70.5" customHeight="1">
      <c r="A62" s="320" t="s">
        <v>93</v>
      </c>
      <c r="B62" s="320"/>
      <c r="C62" s="320"/>
      <c r="D62" s="320"/>
      <c r="E62" s="320"/>
      <c r="F62" s="320"/>
      <c r="G62" s="320"/>
      <c r="H62" s="320"/>
      <c r="I62" s="320"/>
      <c r="J62" s="320"/>
      <c r="K62" s="320"/>
      <c r="L62" s="320"/>
      <c r="M62" s="320"/>
      <c r="N62" s="320"/>
      <c r="O62" s="320"/>
      <c r="P62" s="320"/>
      <c r="Q62" s="320"/>
      <c r="R62" s="320"/>
      <c r="S62" s="320"/>
      <c r="T62" s="320"/>
      <c r="U62" s="320"/>
      <c r="V62" s="320"/>
      <c r="W62" s="320"/>
      <c r="X62" s="320"/>
      <c r="Y62" s="320"/>
      <c r="Z62" s="320"/>
      <c r="AA62" s="320"/>
      <c r="AB62" s="320"/>
      <c r="AC62" s="320"/>
      <c r="AD62" s="320"/>
      <c r="AE62" s="320"/>
      <c r="AF62" s="320"/>
      <c r="AG62" s="320"/>
      <c r="AH62" s="320"/>
      <c r="AI62" s="320"/>
      <c r="AJ62" s="320"/>
      <c r="AK62" s="320"/>
      <c r="AL62" s="320"/>
      <c r="AM62" s="320"/>
      <c r="AN62" s="320"/>
      <c r="AO62" s="320"/>
      <c r="AP62" s="320"/>
      <c r="AQ62" s="320"/>
      <c r="AR62" s="320"/>
      <c r="AS62" s="320"/>
      <c r="AT62" s="320"/>
      <c r="AU62" s="320"/>
      <c r="AV62" s="320"/>
      <c r="AW62" s="320"/>
      <c r="AX62" s="320"/>
    </row>
    <row r="63" spans="1:50" ht="32.25" customHeight="1">
      <c r="A63" s="64" t="s">
        <v>94</v>
      </c>
      <c r="B63" s="317" t="s">
        <v>95</v>
      </c>
      <c r="C63" s="318"/>
      <c r="D63" s="318"/>
      <c r="E63" s="318"/>
      <c r="F63" s="318"/>
      <c r="G63" s="318"/>
      <c r="H63" s="319"/>
      <c r="I63" s="317" t="s">
        <v>416</v>
      </c>
      <c r="J63" s="318"/>
      <c r="K63" s="318"/>
      <c r="L63" s="318"/>
      <c r="M63" s="318"/>
      <c r="N63" s="318"/>
      <c r="O63" s="319"/>
      <c r="P63" s="317" t="s">
        <v>417</v>
      </c>
      <c r="Q63" s="318"/>
      <c r="R63" s="318"/>
      <c r="S63" s="318"/>
      <c r="T63" s="318"/>
      <c r="U63" s="318"/>
      <c r="V63" s="319"/>
      <c r="W63" s="317" t="s">
        <v>96</v>
      </c>
      <c r="X63" s="318"/>
      <c r="Y63" s="318"/>
      <c r="Z63" s="318"/>
      <c r="AA63" s="318"/>
      <c r="AB63" s="318"/>
      <c r="AC63" s="319"/>
      <c r="AD63" s="317" t="s">
        <v>97</v>
      </c>
      <c r="AE63" s="318"/>
      <c r="AF63" s="318"/>
      <c r="AG63" s="318"/>
      <c r="AH63" s="318"/>
      <c r="AI63" s="318"/>
      <c r="AJ63" s="319"/>
      <c r="AK63" s="317" t="s">
        <v>98</v>
      </c>
      <c r="AL63" s="318"/>
      <c r="AM63" s="318"/>
      <c r="AN63" s="318"/>
      <c r="AO63" s="318"/>
      <c r="AP63" s="318"/>
      <c r="AQ63" s="319"/>
      <c r="AR63" s="317" t="s">
        <v>99</v>
      </c>
      <c r="AS63" s="318"/>
      <c r="AT63" s="318"/>
      <c r="AU63" s="318"/>
      <c r="AV63" s="318"/>
      <c r="AW63" s="318"/>
      <c r="AX63" s="319"/>
    </row>
    <row r="64" spans="1:50" ht="43.5" customHeight="1">
      <c r="A64" s="37" t="s">
        <v>85</v>
      </c>
      <c r="B64" s="38" t="s">
        <v>86</v>
      </c>
      <c r="C64" s="39" t="s">
        <v>87</v>
      </c>
      <c r="D64" s="40" t="s">
        <v>88</v>
      </c>
      <c r="E64" s="39" t="s">
        <v>410</v>
      </c>
      <c r="F64" s="40" t="s">
        <v>414</v>
      </c>
      <c r="G64" s="39" t="s">
        <v>412</v>
      </c>
      <c r="H64" s="40" t="s">
        <v>415</v>
      </c>
      <c r="I64" s="65" t="s">
        <v>86</v>
      </c>
      <c r="J64" s="66" t="s">
        <v>87</v>
      </c>
      <c r="K64" s="67" t="s">
        <v>88</v>
      </c>
      <c r="L64" s="66" t="s">
        <v>410</v>
      </c>
      <c r="M64" s="67" t="s">
        <v>414</v>
      </c>
      <c r="N64" s="66" t="s">
        <v>412</v>
      </c>
      <c r="O64" s="67" t="s">
        <v>415</v>
      </c>
      <c r="P64" s="38" t="s">
        <v>86</v>
      </c>
      <c r="Q64" s="39" t="s">
        <v>87</v>
      </c>
      <c r="R64" s="40" t="s">
        <v>88</v>
      </c>
      <c r="S64" s="39" t="s">
        <v>410</v>
      </c>
      <c r="T64" s="40" t="s">
        <v>414</v>
      </c>
      <c r="U64" s="39" t="s">
        <v>412</v>
      </c>
      <c r="V64" s="40" t="s">
        <v>415</v>
      </c>
      <c r="W64" s="65" t="s">
        <v>86</v>
      </c>
      <c r="X64" s="66" t="s">
        <v>87</v>
      </c>
      <c r="Y64" s="67" t="s">
        <v>88</v>
      </c>
      <c r="Z64" s="66" t="s">
        <v>410</v>
      </c>
      <c r="AA64" s="67" t="s">
        <v>414</v>
      </c>
      <c r="AB64" s="66" t="s">
        <v>412</v>
      </c>
      <c r="AC64" s="67" t="s">
        <v>415</v>
      </c>
      <c r="AD64" s="38" t="s">
        <v>86</v>
      </c>
      <c r="AE64" s="39" t="s">
        <v>87</v>
      </c>
      <c r="AF64" s="40" t="s">
        <v>88</v>
      </c>
      <c r="AG64" s="39" t="s">
        <v>410</v>
      </c>
      <c r="AH64" s="40" t="s">
        <v>414</v>
      </c>
      <c r="AI64" s="39" t="s">
        <v>412</v>
      </c>
      <c r="AJ64" s="40" t="s">
        <v>415</v>
      </c>
      <c r="AK64" s="65" t="s">
        <v>86</v>
      </c>
      <c r="AL64" s="66" t="s">
        <v>87</v>
      </c>
      <c r="AM64" s="67" t="s">
        <v>88</v>
      </c>
      <c r="AN64" s="66" t="s">
        <v>410</v>
      </c>
      <c r="AO64" s="67" t="s">
        <v>414</v>
      </c>
      <c r="AP64" s="66" t="s">
        <v>412</v>
      </c>
      <c r="AQ64" s="67" t="s">
        <v>415</v>
      </c>
      <c r="AR64" s="38" t="s">
        <v>86</v>
      </c>
      <c r="AS64" s="39" t="s">
        <v>87</v>
      </c>
      <c r="AT64" s="40" t="s">
        <v>88</v>
      </c>
      <c r="AU64" s="39" t="s">
        <v>410</v>
      </c>
      <c r="AV64" s="40" t="s">
        <v>414</v>
      </c>
      <c r="AW64" s="39" t="s">
        <v>412</v>
      </c>
      <c r="AX64" s="40" t="s">
        <v>415</v>
      </c>
    </row>
    <row r="65" spans="1:50" ht="90" customHeight="1">
      <c r="A65" s="41"/>
      <c r="B65" s="42" t="s">
        <v>89</v>
      </c>
      <c r="C65" s="43" t="s">
        <v>90</v>
      </c>
      <c r="D65" s="44" t="s">
        <v>91</v>
      </c>
      <c r="E65" s="43" t="s">
        <v>411</v>
      </c>
      <c r="F65" s="91" t="s">
        <v>104</v>
      </c>
      <c r="G65" s="43" t="s">
        <v>413</v>
      </c>
      <c r="H65" s="91" t="s">
        <v>104</v>
      </c>
      <c r="I65" s="68" t="s">
        <v>89</v>
      </c>
      <c r="J65" s="69" t="s">
        <v>90</v>
      </c>
      <c r="K65" s="70" t="s">
        <v>91</v>
      </c>
      <c r="L65" s="69" t="s">
        <v>411</v>
      </c>
      <c r="M65" s="70" t="s">
        <v>91</v>
      </c>
      <c r="N65" s="69" t="s">
        <v>413</v>
      </c>
      <c r="O65" s="70" t="s">
        <v>104</v>
      </c>
      <c r="P65" s="42" t="s">
        <v>89</v>
      </c>
      <c r="Q65" s="43" t="s">
        <v>90</v>
      </c>
      <c r="R65" s="44" t="s">
        <v>91</v>
      </c>
      <c r="S65" s="43" t="s">
        <v>411</v>
      </c>
      <c r="T65" s="44" t="s">
        <v>104</v>
      </c>
      <c r="U65" s="43" t="s">
        <v>413</v>
      </c>
      <c r="V65" s="44" t="s">
        <v>104</v>
      </c>
      <c r="W65" s="68" t="s">
        <v>89</v>
      </c>
      <c r="X65" s="69" t="s">
        <v>90</v>
      </c>
      <c r="Y65" s="70" t="s">
        <v>91</v>
      </c>
      <c r="Z65" s="69" t="s">
        <v>411</v>
      </c>
      <c r="AA65" s="70" t="s">
        <v>104</v>
      </c>
      <c r="AB65" s="69" t="s">
        <v>413</v>
      </c>
      <c r="AC65" s="70" t="s">
        <v>104</v>
      </c>
      <c r="AD65" s="42" t="s">
        <v>89</v>
      </c>
      <c r="AE65" s="43" t="s">
        <v>90</v>
      </c>
      <c r="AF65" s="44" t="s">
        <v>91</v>
      </c>
      <c r="AG65" s="43" t="s">
        <v>411</v>
      </c>
      <c r="AH65" s="44" t="s">
        <v>104</v>
      </c>
      <c r="AI65" s="43" t="s">
        <v>413</v>
      </c>
      <c r="AJ65" s="44" t="s">
        <v>104</v>
      </c>
      <c r="AK65" s="68" t="s">
        <v>89</v>
      </c>
      <c r="AL65" s="69" t="s">
        <v>90</v>
      </c>
      <c r="AM65" s="70" t="s">
        <v>91</v>
      </c>
      <c r="AN65" s="69" t="s">
        <v>411</v>
      </c>
      <c r="AO65" s="70" t="s">
        <v>104</v>
      </c>
      <c r="AP65" s="69" t="s">
        <v>413</v>
      </c>
      <c r="AQ65" s="70" t="s">
        <v>104</v>
      </c>
      <c r="AR65" s="42" t="s">
        <v>89</v>
      </c>
      <c r="AS65" s="43" t="s">
        <v>90</v>
      </c>
      <c r="AT65" s="44" t="s">
        <v>91</v>
      </c>
      <c r="AU65" s="43" t="s">
        <v>411</v>
      </c>
      <c r="AV65" s="44" t="s">
        <v>104</v>
      </c>
      <c r="AW65" s="43" t="s">
        <v>413</v>
      </c>
      <c r="AX65" s="44" t="s">
        <v>104</v>
      </c>
    </row>
    <row r="66" spans="1:50">
      <c r="A66" s="45" t="s">
        <v>436</v>
      </c>
      <c r="B66" s="71">
        <v>10766</v>
      </c>
      <c r="C66" s="72">
        <v>73.135428260761017</v>
      </c>
      <c r="D66" s="73">
        <v>0.37240000000000001</v>
      </c>
      <c r="E66" s="293">
        <v>0.20522505740697988</v>
      </c>
      <c r="F66" s="294">
        <v>7.7847615631944592E-3</v>
      </c>
      <c r="G66" s="295">
        <v>0.48888295947074295</v>
      </c>
      <c r="H66" s="294">
        <v>9.6335166845829701E-3</v>
      </c>
      <c r="I66" s="71">
        <v>10748</v>
      </c>
      <c r="J66" s="72">
        <v>67.244438009910041</v>
      </c>
      <c r="K66" s="73">
        <v>0.43119999999999997</v>
      </c>
      <c r="L66" s="293">
        <v>0.29288641574317659</v>
      </c>
      <c r="M66" s="294">
        <v>8.7783527455123182E-3</v>
      </c>
      <c r="N66" s="295">
        <v>0.37098466872147023</v>
      </c>
      <c r="O66" s="294">
        <v>9.317630550416553E-3</v>
      </c>
      <c r="P66" s="71">
        <v>10706</v>
      </c>
      <c r="Q66" s="72">
        <v>66.708067282196211</v>
      </c>
      <c r="R66" s="73">
        <v>0.43119999999999997</v>
      </c>
      <c r="S66" s="293">
        <v>0.30939327802456323</v>
      </c>
      <c r="T66" s="294">
        <v>8.9337474383294809E-3</v>
      </c>
      <c r="U66" s="295">
        <v>0.37713076216647812</v>
      </c>
      <c r="V66" s="294">
        <v>9.3667753238603733E-3</v>
      </c>
      <c r="W66" s="71">
        <v>10727</v>
      </c>
      <c r="X66" s="72">
        <v>72.249166577051611</v>
      </c>
      <c r="Y66" s="73">
        <v>0.45080000000000003</v>
      </c>
      <c r="Z66" s="293">
        <v>0.24613325917532536</v>
      </c>
      <c r="AA66" s="294">
        <v>8.3176099636993687E-3</v>
      </c>
      <c r="AB66" s="295">
        <v>0.50729486023454118</v>
      </c>
      <c r="AC66" s="294">
        <v>9.652364421046453E-3</v>
      </c>
      <c r="AD66" s="71">
        <v>10744</v>
      </c>
      <c r="AE66" s="72">
        <v>76.90012075999887</v>
      </c>
      <c r="AF66" s="73">
        <v>0.39200000000000002</v>
      </c>
      <c r="AG66" s="293">
        <v>0.17387008807585744</v>
      </c>
      <c r="AH66" s="294">
        <v>7.3134517920980168E-3</v>
      </c>
      <c r="AI66" s="295">
        <v>0.58217472179114405</v>
      </c>
      <c r="AJ66" s="294">
        <v>9.5146908201943509E-3</v>
      </c>
      <c r="AK66" s="71">
        <v>10731</v>
      </c>
      <c r="AL66" s="72">
        <v>66.261620619360528</v>
      </c>
      <c r="AM66" s="73">
        <v>0.47039999999999998</v>
      </c>
      <c r="AN66" s="293">
        <v>0.33457951537585506</v>
      </c>
      <c r="AO66" s="294">
        <v>9.1084947689733711E-3</v>
      </c>
      <c r="AP66" s="295">
        <v>0.37200657019711392</v>
      </c>
      <c r="AQ66" s="294">
        <v>9.3302476626240857E-3</v>
      </c>
      <c r="AR66" s="71">
        <v>10727</v>
      </c>
      <c r="AS66" s="72">
        <v>65.772635405535141</v>
      </c>
      <c r="AT66" s="73">
        <v>0.47039999999999998</v>
      </c>
      <c r="AU66" s="293">
        <v>0.34369699703039691</v>
      </c>
      <c r="AV66" s="294">
        <v>9.1699610686267127E-3</v>
      </c>
      <c r="AW66" s="295">
        <v>0.38301445633193187</v>
      </c>
      <c r="AX66" s="294">
        <v>9.3856498650825883E-3</v>
      </c>
    </row>
    <row r="67" spans="1:50" s="5" customFormat="1">
      <c r="A67" s="49" t="s">
        <v>437</v>
      </c>
      <c r="B67" s="74">
        <v>8631</v>
      </c>
      <c r="C67" s="75">
        <v>74.7</v>
      </c>
      <c r="D67" s="76">
        <v>0.86009789626306943</v>
      </c>
      <c r="E67" s="296">
        <v>0.17586983603405243</v>
      </c>
      <c r="F67" s="297">
        <v>8.1966832363148008E-3</v>
      </c>
      <c r="G67" s="298">
        <v>0.53085617451249889</v>
      </c>
      <c r="H67" s="297">
        <v>1.0740908888076038E-2</v>
      </c>
      <c r="I67" s="74">
        <v>8613</v>
      </c>
      <c r="J67" s="75">
        <v>67.3</v>
      </c>
      <c r="K67" s="76">
        <v>0.48193448647016601</v>
      </c>
      <c r="L67" s="296">
        <v>0.29217886064190407</v>
      </c>
      <c r="M67" s="297">
        <v>9.7989647790480815E-3</v>
      </c>
      <c r="N67" s="298">
        <v>0.38767625270226186</v>
      </c>
      <c r="O67" s="297">
        <v>1.0497546618219396E-2</v>
      </c>
      <c r="P67" s="74">
        <v>8573</v>
      </c>
      <c r="Q67" s="75">
        <v>68.2</v>
      </c>
      <c r="R67" s="76">
        <v>0.49818328050476535</v>
      </c>
      <c r="S67" s="296">
        <v>0.28572427394142869</v>
      </c>
      <c r="T67" s="297">
        <v>9.7569562106019202E-3</v>
      </c>
      <c r="U67" s="298">
        <v>0.41204099339409267</v>
      </c>
      <c r="V67" s="297">
        <v>1.0629491615611822E-2</v>
      </c>
      <c r="W67" s="74">
        <v>8597</v>
      </c>
      <c r="X67" s="75">
        <v>73.900000000000006</v>
      </c>
      <c r="Y67" s="76">
        <v>0.53157993772949064</v>
      </c>
      <c r="Z67" s="296">
        <v>0.22784727349514175</v>
      </c>
      <c r="AA67" s="297">
        <v>9.0471968192979112E-3</v>
      </c>
      <c r="AB67" s="298">
        <v>0.54810613424163757</v>
      </c>
      <c r="AC67" s="297">
        <v>1.0732674611188835E-2</v>
      </c>
      <c r="AD67" s="74">
        <v>8608</v>
      </c>
      <c r="AE67" s="75">
        <v>79.900000000000006</v>
      </c>
      <c r="AF67" s="76">
        <v>0.41785688438405927</v>
      </c>
      <c r="AG67" s="296">
        <v>0.13214380541779616</v>
      </c>
      <c r="AH67" s="297">
        <v>7.3023576826835492E-3</v>
      </c>
      <c r="AI67" s="298">
        <v>0.65143159250061433</v>
      </c>
      <c r="AJ67" s="297">
        <v>1.0270149607307251E-2</v>
      </c>
      <c r="AK67" s="74">
        <v>8599</v>
      </c>
      <c r="AL67" s="75">
        <v>67.904732219742087</v>
      </c>
      <c r="AM67" s="76">
        <v>0.52990660255985966</v>
      </c>
      <c r="AN67" s="296">
        <v>0.30692797835391811</v>
      </c>
      <c r="AO67" s="297">
        <v>9.9459857142682826E-3</v>
      </c>
      <c r="AP67" s="298">
        <v>0.4177179721608541</v>
      </c>
      <c r="AQ67" s="297">
        <v>1.0634545333156572E-2</v>
      </c>
      <c r="AR67" s="74">
        <v>8596</v>
      </c>
      <c r="AS67" s="75">
        <v>66.794773861409993</v>
      </c>
      <c r="AT67" s="76">
        <v>0.55093223520780721</v>
      </c>
      <c r="AU67" s="296">
        <v>0.33223827389589</v>
      </c>
      <c r="AV67" s="297">
        <v>1.0158789930415715E-2</v>
      </c>
      <c r="AW67" s="298">
        <v>0.42084903614586078</v>
      </c>
      <c r="AX67" s="297">
        <v>1.0647435576317366E-2</v>
      </c>
    </row>
    <row r="68" spans="1:50" s="5" customFormat="1">
      <c r="A68" s="45" t="s">
        <v>438</v>
      </c>
      <c r="B68" s="54">
        <v>1969</v>
      </c>
      <c r="C68" s="55">
        <v>69.8</v>
      </c>
      <c r="D68" s="56">
        <v>0.98</v>
      </c>
      <c r="E68" s="292">
        <v>0.27200000000000002</v>
      </c>
      <c r="F68" s="299">
        <v>2.0046907378907096E-2</v>
      </c>
      <c r="G68" s="292">
        <v>0.39700000000000002</v>
      </c>
      <c r="H68" s="299">
        <v>2.2032274769443777E-2</v>
      </c>
      <c r="I68" s="54">
        <v>1969</v>
      </c>
      <c r="J68" s="55">
        <v>67.099999999999994</v>
      </c>
      <c r="K68" s="56">
        <v>0.98</v>
      </c>
      <c r="L68" s="292">
        <v>0.29499999999999998</v>
      </c>
      <c r="M68" s="299">
        <v>2.054232907135875E-2</v>
      </c>
      <c r="N68" s="292">
        <v>0.33600000000000002</v>
      </c>
      <c r="O68" s="299">
        <v>2.1272872760411617E-2</v>
      </c>
      <c r="P68" s="54">
        <v>1965</v>
      </c>
      <c r="Q68" s="55">
        <v>63.7</v>
      </c>
      <c r="R68" s="56">
        <v>0.98</v>
      </c>
      <c r="S68" s="292">
        <v>0.36199999999999999</v>
      </c>
      <c r="T68" s="299">
        <v>2.1664288239265389E-2</v>
      </c>
      <c r="U68" s="292">
        <v>0.29599999999999999</v>
      </c>
      <c r="V68" s="299">
        <v>2.0583312508429628E-2</v>
      </c>
      <c r="W68" s="54">
        <v>1964</v>
      </c>
      <c r="X68" s="55">
        <v>69.599999999999994</v>
      </c>
      <c r="Y68" s="56">
        <v>1.1759999999999999</v>
      </c>
      <c r="Z68" s="292">
        <v>0.28299999999999997</v>
      </c>
      <c r="AA68" s="299">
        <v>2.0317711453690449E-2</v>
      </c>
      <c r="AB68" s="292">
        <v>0.42499999999999999</v>
      </c>
      <c r="AC68" s="299">
        <v>2.2287745120421008E-2</v>
      </c>
      <c r="AD68" s="54">
        <v>1970</v>
      </c>
      <c r="AE68" s="55">
        <v>72.900000000000006</v>
      </c>
      <c r="AF68" s="56">
        <v>0.98</v>
      </c>
      <c r="AG68" s="292">
        <v>0.22900000000000001</v>
      </c>
      <c r="AH68" s="299">
        <v>1.8930702384304169E-2</v>
      </c>
      <c r="AI68" s="292">
        <v>0.47899999999999998</v>
      </c>
      <c r="AJ68" s="299">
        <v>2.2487676932628646E-2</v>
      </c>
      <c r="AK68" s="54">
        <v>1968</v>
      </c>
      <c r="AL68" s="55">
        <v>61.6</v>
      </c>
      <c r="AM68" s="56">
        <v>0.98</v>
      </c>
      <c r="AN68" s="292">
        <v>0.40699999999999997</v>
      </c>
      <c r="AO68" s="299">
        <v>2.2127514085083181E-2</v>
      </c>
      <c r="AP68" s="292">
        <v>0.252</v>
      </c>
      <c r="AQ68" s="299">
        <v>1.9566563776093275E-2</v>
      </c>
      <c r="AR68" s="54">
        <v>1965</v>
      </c>
      <c r="AS68" s="55">
        <v>63.4</v>
      </c>
      <c r="AT68" s="56">
        <v>1.1759999999999999</v>
      </c>
      <c r="AU68" s="292">
        <v>0.377</v>
      </c>
      <c r="AV68" s="299">
        <v>2.1846335609011686E-2</v>
      </c>
      <c r="AW68" s="292">
        <v>0.30399999999999999</v>
      </c>
      <c r="AX68" s="299">
        <v>2.0739988669619021E-2</v>
      </c>
    </row>
    <row r="69" spans="1:50" s="5" customFormat="1">
      <c r="A69" s="49" t="s">
        <v>439</v>
      </c>
      <c r="B69" s="74">
        <v>3900</v>
      </c>
      <c r="C69" s="75">
        <v>73.475944502242115</v>
      </c>
      <c r="D69" s="76">
        <v>0.60760000000000003</v>
      </c>
      <c r="E69" s="296">
        <v>0.19520779053840318</v>
      </c>
      <c r="F69" s="297">
        <v>1.2694873468278607E-2</v>
      </c>
      <c r="G69" s="298">
        <v>0.5233161583817022</v>
      </c>
      <c r="H69" s="297">
        <v>1.598723460445221E-2</v>
      </c>
      <c r="I69" s="74">
        <v>3894</v>
      </c>
      <c r="J69" s="75">
        <v>67.669387449955508</v>
      </c>
      <c r="K69" s="76">
        <v>0.7056</v>
      </c>
      <c r="L69" s="296">
        <v>0.28356042528783781</v>
      </c>
      <c r="M69" s="297">
        <v>1.4441900907148322E-2</v>
      </c>
      <c r="N69" s="298">
        <v>0.38839952426722013</v>
      </c>
      <c r="O69" s="297">
        <v>1.561369469814642E-2</v>
      </c>
      <c r="P69" s="74">
        <v>3868</v>
      </c>
      <c r="Q69" s="75">
        <v>66.827982565032372</v>
      </c>
      <c r="R69" s="76">
        <v>0.72519999999999996</v>
      </c>
      <c r="S69" s="296">
        <v>0.29586957832371069</v>
      </c>
      <c r="T69" s="297">
        <v>1.4673330642832471E-2</v>
      </c>
      <c r="U69" s="298">
        <v>0.38644712475505849</v>
      </c>
      <c r="V69" s="297">
        <v>1.5651564089799001E-2</v>
      </c>
      <c r="W69" s="74">
        <v>3889</v>
      </c>
      <c r="X69" s="75">
        <v>72.769486898163677</v>
      </c>
      <c r="Y69" s="76">
        <v>0.74480000000000002</v>
      </c>
      <c r="Z69" s="296">
        <v>0.22988070769620617</v>
      </c>
      <c r="AA69" s="297">
        <v>1.3492791147261884E-2</v>
      </c>
      <c r="AB69" s="298">
        <v>0.52349518739732104</v>
      </c>
      <c r="AC69" s="297">
        <v>1.6009537036251985E-2</v>
      </c>
      <c r="AD69" s="74">
        <v>3890</v>
      </c>
      <c r="AE69" s="75">
        <v>76.903274376700381</v>
      </c>
      <c r="AF69" s="76">
        <v>0.62719999999999998</v>
      </c>
      <c r="AG69" s="296">
        <v>0.15517522426258137</v>
      </c>
      <c r="AH69" s="297">
        <v>1.1615303928489444E-2</v>
      </c>
      <c r="AI69" s="298">
        <v>0.58167213510471316</v>
      </c>
      <c r="AJ69" s="297">
        <v>1.5810360458514697E-2</v>
      </c>
      <c r="AK69" s="74">
        <v>3883</v>
      </c>
      <c r="AL69" s="75">
        <v>66.805601644660157</v>
      </c>
      <c r="AM69" s="76">
        <v>0.74480000000000002</v>
      </c>
      <c r="AN69" s="296">
        <v>0.31168044787284926</v>
      </c>
      <c r="AO69" s="297">
        <v>1.4860943617278849E-2</v>
      </c>
      <c r="AP69" s="298">
        <v>0.38810859766641082</v>
      </c>
      <c r="AQ69" s="297">
        <v>1.5633639036963902E-2</v>
      </c>
      <c r="AR69" s="74">
        <v>3883</v>
      </c>
      <c r="AS69" s="75">
        <v>66.1483759928024</v>
      </c>
      <c r="AT69" s="76">
        <v>0.78400000000000003</v>
      </c>
      <c r="AU69" s="296">
        <v>0.32546560458617679</v>
      </c>
      <c r="AV69" s="297">
        <v>1.5032779832224846E-2</v>
      </c>
      <c r="AW69" s="298">
        <v>0.39218173984316496</v>
      </c>
      <c r="AX69" s="297">
        <v>1.5663004179845726E-2</v>
      </c>
    </row>
    <row r="70" spans="1:50" s="5" customFormat="1">
      <c r="A70" s="45" t="s">
        <v>440</v>
      </c>
      <c r="B70" s="54">
        <v>3267</v>
      </c>
      <c r="C70" s="55">
        <v>75.37</v>
      </c>
      <c r="D70" s="56">
        <v>0.58799999999999997</v>
      </c>
      <c r="E70" s="292">
        <v>0.159</v>
      </c>
      <c r="F70" s="299">
        <v>1.2801101424509437E-2</v>
      </c>
      <c r="G70" s="292">
        <v>0.58199999999999996</v>
      </c>
      <c r="H70" s="299">
        <v>1.724860696261209E-2</v>
      </c>
      <c r="I70" s="54">
        <v>3261</v>
      </c>
      <c r="J70" s="55">
        <v>67.73</v>
      </c>
      <c r="K70" s="56">
        <v>0.78400000000000003</v>
      </c>
      <c r="L70" s="292">
        <v>0.27700000000000002</v>
      </c>
      <c r="M70" s="299">
        <v>1.5668572453726388E-2</v>
      </c>
      <c r="N70" s="292">
        <v>0.40899999999999997</v>
      </c>
      <c r="O70" s="299">
        <v>1.7209252752635466E-2</v>
      </c>
      <c r="P70" s="54">
        <v>3236</v>
      </c>
      <c r="Q70" s="55">
        <v>68.56</v>
      </c>
      <c r="R70" s="56">
        <v>0.78400000000000003</v>
      </c>
      <c r="S70" s="292">
        <v>0.26600000000000001</v>
      </c>
      <c r="T70" s="299">
        <v>1.5530897780096767E-2</v>
      </c>
      <c r="U70" s="292">
        <v>0.43</v>
      </c>
      <c r="V70" s="299">
        <v>1.739561784242874E-2</v>
      </c>
      <c r="W70" s="54">
        <v>3256</v>
      </c>
      <c r="X70" s="55">
        <v>74.849999999999994</v>
      </c>
      <c r="Y70" s="56">
        <v>0.78400000000000003</v>
      </c>
      <c r="Z70" s="292">
        <v>0.19700000000000001</v>
      </c>
      <c r="AA70" s="299">
        <v>1.3941867033070841E-2</v>
      </c>
      <c r="AB70" s="292">
        <v>0.57399999999999995</v>
      </c>
      <c r="AC70" s="299">
        <v>1.7321833798010781E-2</v>
      </c>
      <c r="AD70" s="54">
        <v>3256</v>
      </c>
      <c r="AE70" s="55">
        <v>79.319999999999993</v>
      </c>
      <c r="AF70" s="56">
        <v>0.58799999999999997</v>
      </c>
      <c r="AG70" s="292">
        <v>0.123</v>
      </c>
      <c r="AH70" s="299">
        <v>1.1523226416631333E-2</v>
      </c>
      <c r="AI70" s="292">
        <v>0.65100000000000002</v>
      </c>
      <c r="AJ70" s="299">
        <v>1.6698514648576489E-2</v>
      </c>
      <c r="AK70" s="54">
        <v>3250</v>
      </c>
      <c r="AL70" s="55">
        <v>68.709999999999994</v>
      </c>
      <c r="AM70" s="56">
        <v>0.78400000000000003</v>
      </c>
      <c r="AN70" s="292">
        <v>0.28100000000000003</v>
      </c>
      <c r="AO70" s="299">
        <v>1.5763964268336161E-2</v>
      </c>
      <c r="AP70" s="292">
        <v>0.44400000000000001</v>
      </c>
      <c r="AQ70" s="299">
        <v>1.7420350135418018E-2</v>
      </c>
      <c r="AR70" s="54">
        <v>3249</v>
      </c>
      <c r="AS70" s="55">
        <v>68.03</v>
      </c>
      <c r="AT70" s="56">
        <v>0.78400000000000003</v>
      </c>
      <c r="AU70" s="292">
        <v>0.30099999999999999</v>
      </c>
      <c r="AV70" s="299">
        <v>1.6088302659359493E-2</v>
      </c>
      <c r="AW70" s="292">
        <v>0.44600000000000001</v>
      </c>
      <c r="AX70" s="299">
        <v>1.7430770070234951E-2</v>
      </c>
    </row>
    <row r="71" spans="1:50" s="5" customFormat="1">
      <c r="A71" s="49" t="s">
        <v>452</v>
      </c>
      <c r="B71" s="74">
        <v>577</v>
      </c>
      <c r="C71" s="75">
        <v>74.839405553887389</v>
      </c>
      <c r="D71" s="76">
        <v>1.6072</v>
      </c>
      <c r="E71" s="296">
        <v>0.17257359657718205</v>
      </c>
      <c r="F71" s="297">
        <v>3.151515826571457E-2</v>
      </c>
      <c r="G71" s="298">
        <v>0.56940372014091711</v>
      </c>
      <c r="H71" s="297">
        <v>4.1090908881123725E-2</v>
      </c>
      <c r="I71" s="74">
        <v>573</v>
      </c>
      <c r="J71" s="75">
        <v>66.429145179438834</v>
      </c>
      <c r="K71" s="76">
        <v>1.8619999999999999</v>
      </c>
      <c r="L71" s="296">
        <v>0.28431723297042744</v>
      </c>
      <c r="M71" s="297">
        <v>3.7617401355695239E-2</v>
      </c>
      <c r="N71" s="298">
        <v>0.35419459243274004</v>
      </c>
      <c r="O71" s="297">
        <v>3.9846718146872614E-2</v>
      </c>
      <c r="P71" s="74">
        <v>570</v>
      </c>
      <c r="Q71" s="75">
        <v>68.125035514092303</v>
      </c>
      <c r="R71" s="76">
        <v>1.8815999999999999</v>
      </c>
      <c r="S71" s="296">
        <v>0.27039015924185994</v>
      </c>
      <c r="T71" s="297">
        <v>3.7146620105934086E-2</v>
      </c>
      <c r="U71" s="298">
        <v>0.40623351430102367</v>
      </c>
      <c r="V71" s="297">
        <v>4.1009046161459221E-2</v>
      </c>
      <c r="W71" s="74">
        <v>574</v>
      </c>
      <c r="X71" s="75">
        <v>72.900143107803629</v>
      </c>
      <c r="Y71" s="76">
        <v>1.9207999999999998</v>
      </c>
      <c r="Z71" s="296">
        <v>0.22873949996893175</v>
      </c>
      <c r="AA71" s="297">
        <v>3.504151336177682E-2</v>
      </c>
      <c r="AB71" s="298">
        <v>0.54327050882049388</v>
      </c>
      <c r="AC71" s="297">
        <v>4.1440622306170176E-2</v>
      </c>
      <c r="AD71" s="74">
        <v>571</v>
      </c>
      <c r="AE71" s="75">
        <v>78.318962630227816</v>
      </c>
      <c r="AF71" s="76">
        <v>1.6659999999999999</v>
      </c>
      <c r="AG71" s="296">
        <v>0.12777396555798917</v>
      </c>
      <c r="AH71" s="297">
        <v>2.8082952572358596E-2</v>
      </c>
      <c r="AI71" s="298">
        <v>0.60212269625458137</v>
      </c>
      <c r="AJ71" s="297">
        <v>4.0836092303162874E-2</v>
      </c>
      <c r="AK71" s="74">
        <v>571</v>
      </c>
      <c r="AL71" s="75">
        <v>65.406908159709062</v>
      </c>
      <c r="AM71" s="76">
        <v>1.9796</v>
      </c>
      <c r="AN71" s="296">
        <v>0.32478277773466835</v>
      </c>
      <c r="AO71" s="297">
        <v>3.9096276677122233E-2</v>
      </c>
      <c r="AP71" s="298">
        <v>0.40380783809847243</v>
      </c>
      <c r="AQ71" s="297">
        <v>4.093476096170965E-2</v>
      </c>
      <c r="AR71" s="74">
        <v>570</v>
      </c>
      <c r="AS71" s="75">
        <v>65.073469399606111</v>
      </c>
      <c r="AT71" s="76">
        <v>2.0579999999999998</v>
      </c>
      <c r="AU71" s="296">
        <v>0.37553850450636972</v>
      </c>
      <c r="AV71" s="297">
        <v>4.0443920104586771E-2</v>
      </c>
      <c r="AW71" s="298">
        <v>0.40168848598618018</v>
      </c>
      <c r="AX71" s="297">
        <v>4.09358368363077E-2</v>
      </c>
    </row>
    <row r="72" spans="1:50" s="5" customFormat="1">
      <c r="A72" s="45" t="s">
        <v>441</v>
      </c>
      <c r="B72" s="54">
        <v>148</v>
      </c>
      <c r="C72" s="55">
        <v>77.799973364005965</v>
      </c>
      <c r="D72" s="56">
        <v>3.0771999999999999</v>
      </c>
      <c r="E72" s="292">
        <v>8.4879836634288622E-2</v>
      </c>
      <c r="F72" s="299">
        <v>4.7745386986765767E-2</v>
      </c>
      <c r="G72" s="292">
        <v>0.58532259804448694</v>
      </c>
      <c r="H72" s="299">
        <v>7.9983249527316863E-2</v>
      </c>
      <c r="I72" s="54">
        <v>148</v>
      </c>
      <c r="J72" s="55">
        <v>66.871072499856425</v>
      </c>
      <c r="K72" s="56">
        <v>3.8024</v>
      </c>
      <c r="L72" s="292">
        <v>0.26872724789455688</v>
      </c>
      <c r="M72" s="299">
        <v>7.2418917090594587E-2</v>
      </c>
      <c r="N72" s="292">
        <v>0.43201025775215929</v>
      </c>
      <c r="O72" s="299">
        <v>8.0396630052069984E-2</v>
      </c>
      <c r="P72" s="54">
        <v>147</v>
      </c>
      <c r="Q72" s="55">
        <v>71.750688001857867</v>
      </c>
      <c r="R72" s="56">
        <v>3.4887999999999999</v>
      </c>
      <c r="S72" s="292">
        <v>0.18789794615132632</v>
      </c>
      <c r="T72" s="299">
        <v>6.4630304156726492E-2</v>
      </c>
      <c r="U72" s="292">
        <v>0.46406024978687677</v>
      </c>
      <c r="V72" s="299">
        <v>8.1179363276442318E-2</v>
      </c>
      <c r="W72" s="54">
        <v>148</v>
      </c>
      <c r="X72" s="55">
        <v>75.349600717132688</v>
      </c>
      <c r="Y72" s="56">
        <v>3.6847999999999996</v>
      </c>
      <c r="Z72" s="292">
        <v>0.21635230521295723</v>
      </c>
      <c r="AA72" s="299">
        <v>6.7613996307362936E-2</v>
      </c>
      <c r="AB72" s="292">
        <v>0.58035390379930796</v>
      </c>
      <c r="AC72" s="299">
        <v>8.0111535349584193E-2</v>
      </c>
      <c r="AD72" s="54">
        <v>145</v>
      </c>
      <c r="AE72" s="55">
        <v>82.42640349433772</v>
      </c>
      <c r="AF72" s="56">
        <v>2.9596</v>
      </c>
      <c r="AG72" s="292">
        <v>6.0214689402172381E-2</v>
      </c>
      <c r="AH72" s="299">
        <v>4.2358007917155625E-2</v>
      </c>
      <c r="AI72" s="292">
        <v>0.68678549081390061</v>
      </c>
      <c r="AJ72" s="299">
        <v>7.6317820391382685E-2</v>
      </c>
      <c r="AK72" s="54">
        <v>146</v>
      </c>
      <c r="AL72" s="55">
        <v>69.455136027816224</v>
      </c>
      <c r="AM72" s="56">
        <v>3.5476000000000001</v>
      </c>
      <c r="AN72" s="292">
        <v>0.27835357116892856</v>
      </c>
      <c r="AO72" s="299">
        <v>7.3658317445494337E-2</v>
      </c>
      <c r="AP72" s="292">
        <v>0.47112983743439157</v>
      </c>
      <c r="AQ72" s="299">
        <v>8.1520610664056595E-2</v>
      </c>
      <c r="AR72" s="54">
        <v>145</v>
      </c>
      <c r="AS72" s="55">
        <v>72.595901741116151</v>
      </c>
      <c r="AT72" s="56">
        <v>3.6259999999999999</v>
      </c>
      <c r="AU72" s="292">
        <v>0.25778223970140141</v>
      </c>
      <c r="AV72" s="299">
        <v>7.2248324835415142E-2</v>
      </c>
      <c r="AW72" s="292">
        <v>0.51158958809796395</v>
      </c>
      <c r="AX72" s="299">
        <v>8.1902347546932E-2</v>
      </c>
    </row>
    <row r="73" spans="1:50" s="5" customFormat="1">
      <c r="A73" s="49" t="s">
        <v>442</v>
      </c>
      <c r="B73" s="74">
        <v>107</v>
      </c>
      <c r="C73" s="75">
        <v>76.87014337099825</v>
      </c>
      <c r="D73" s="76">
        <v>4.0768000000000004</v>
      </c>
      <c r="E73" s="296">
        <v>0.18752083124590727</v>
      </c>
      <c r="F73" s="297">
        <v>7.5758582892283238E-2</v>
      </c>
      <c r="G73" s="298">
        <v>0.63981913175213578</v>
      </c>
      <c r="H73" s="297">
        <v>9.1402325882745605E-2</v>
      </c>
      <c r="I73" s="74">
        <v>106</v>
      </c>
      <c r="J73" s="75">
        <v>67.856404732377982</v>
      </c>
      <c r="K73" s="76">
        <v>3.9003999999999999</v>
      </c>
      <c r="L73" s="296">
        <v>0.27086327916407082</v>
      </c>
      <c r="M73" s="297">
        <v>8.5545391073600735E-2</v>
      </c>
      <c r="N73" s="298">
        <v>0.41972097253762131</v>
      </c>
      <c r="O73" s="297">
        <v>9.419813989201252E-2</v>
      </c>
      <c r="P73" s="74">
        <v>106</v>
      </c>
      <c r="Q73" s="75">
        <v>64.58529281530268</v>
      </c>
      <c r="R73" s="76">
        <v>4.4687999999999999</v>
      </c>
      <c r="S73" s="296">
        <v>0.34823490650866906</v>
      </c>
      <c r="T73" s="297">
        <v>9.1176552281272027E-2</v>
      </c>
      <c r="U73" s="298">
        <v>0.3356873506800675</v>
      </c>
      <c r="V73" s="297">
        <v>9.043916901377845E-2</v>
      </c>
      <c r="W73" s="74">
        <v>107</v>
      </c>
      <c r="X73" s="75">
        <v>68.804280474955434</v>
      </c>
      <c r="Y73" s="76">
        <v>4.4295999999999998</v>
      </c>
      <c r="Z73" s="296">
        <v>0.26004021173575265</v>
      </c>
      <c r="AA73" s="297">
        <v>8.4147979118480196E-2</v>
      </c>
      <c r="AB73" s="298">
        <v>0.48226910621763769</v>
      </c>
      <c r="AC73" s="297">
        <v>9.4860327005052189E-2</v>
      </c>
      <c r="AD73" s="74">
        <v>107</v>
      </c>
      <c r="AE73" s="75">
        <v>80.249724618220327</v>
      </c>
      <c r="AF73" s="76">
        <v>3.7631999999999999</v>
      </c>
      <c r="AG73" s="296">
        <v>0.12932886691223047</v>
      </c>
      <c r="AH73" s="297">
        <v>6.639412236388692E-2</v>
      </c>
      <c r="AI73" s="298">
        <v>0.67384389083027874</v>
      </c>
      <c r="AJ73" s="297">
        <v>8.9426036934713432E-2</v>
      </c>
      <c r="AK73" s="74">
        <v>105</v>
      </c>
      <c r="AL73" s="75">
        <v>63.874854253758912</v>
      </c>
      <c r="AM73" s="76">
        <v>4.8412000000000006</v>
      </c>
      <c r="AN73" s="296">
        <v>0.33556639244992953</v>
      </c>
      <c r="AO73" s="297">
        <v>9.0849133325403369E-2</v>
      </c>
      <c r="AP73" s="298">
        <v>0.43053575843890968</v>
      </c>
      <c r="AQ73" s="297">
        <v>9.4920994680838894E-2</v>
      </c>
      <c r="AR73" s="74">
        <v>107</v>
      </c>
      <c r="AS73" s="75">
        <v>63.60252156236325</v>
      </c>
      <c r="AT73" s="76">
        <v>5.0371999999999995</v>
      </c>
      <c r="AU73" s="296">
        <v>0.44528809447236894</v>
      </c>
      <c r="AV73" s="297">
        <v>9.4386298477688993E-2</v>
      </c>
      <c r="AW73" s="298">
        <v>0.38603604243827383</v>
      </c>
      <c r="AX73" s="297">
        <v>9.2596461896436832E-2</v>
      </c>
    </row>
    <row r="74" spans="1:50" s="5" customFormat="1">
      <c r="A74" s="45" t="s">
        <v>443</v>
      </c>
      <c r="B74" s="54">
        <v>122</v>
      </c>
      <c r="C74" s="55">
        <v>71.105748796946074</v>
      </c>
      <c r="D74" s="56">
        <v>3.5868000000000002</v>
      </c>
      <c r="E74" s="292">
        <v>0.21240696718857027</v>
      </c>
      <c r="F74" s="299">
        <v>7.3992342927995572E-2</v>
      </c>
      <c r="G74" s="292">
        <v>0.49129937550520436</v>
      </c>
      <c r="H74" s="299">
        <v>8.9074434585252868E-2</v>
      </c>
      <c r="I74" s="54">
        <v>121</v>
      </c>
      <c r="J74" s="55">
        <v>64.957546098636968</v>
      </c>
      <c r="K74" s="56">
        <v>4.1551999999999998</v>
      </c>
      <c r="L74" s="292">
        <v>0.33012017119452425</v>
      </c>
      <c r="M74" s="299">
        <v>8.446694558002224E-2</v>
      </c>
      <c r="N74" s="292">
        <v>0.28833310134559809</v>
      </c>
      <c r="O74" s="299">
        <v>8.1587965765962278E-2</v>
      </c>
      <c r="P74" s="54">
        <v>122</v>
      </c>
      <c r="Q74" s="55">
        <v>66.795612856639181</v>
      </c>
      <c r="R74" s="56">
        <v>4.41</v>
      </c>
      <c r="S74" s="292">
        <v>0.2992357761071886</v>
      </c>
      <c r="T74" s="299">
        <v>8.2078598374418707E-2</v>
      </c>
      <c r="U74" s="292">
        <v>0.3504599672885908</v>
      </c>
      <c r="V74" s="299">
        <v>8.5269891840107442E-2</v>
      </c>
      <c r="W74" s="54">
        <v>122</v>
      </c>
      <c r="X74" s="55">
        <v>68.764224148092126</v>
      </c>
      <c r="Y74" s="56">
        <v>4.7628000000000004</v>
      </c>
      <c r="Z74" s="292">
        <v>0.32485275139862613</v>
      </c>
      <c r="AA74" s="299">
        <v>8.3806323048315201E-2</v>
      </c>
      <c r="AB74" s="292">
        <v>0.47782100419534712</v>
      </c>
      <c r="AC74" s="299">
        <v>8.9004873888293271E-2</v>
      </c>
      <c r="AD74" s="54">
        <v>121</v>
      </c>
      <c r="AE74" s="55">
        <v>70.527143396074962</v>
      </c>
      <c r="AF74" s="56">
        <v>3.8415999999999997</v>
      </c>
      <c r="AG74" s="292">
        <v>0.22868482338273632</v>
      </c>
      <c r="AH74" s="299">
        <v>7.6110206312667739E-2</v>
      </c>
      <c r="AI74" s="292">
        <v>0.37972944133304293</v>
      </c>
      <c r="AJ74" s="299">
        <v>8.6984309576664809E-2</v>
      </c>
      <c r="AK74" s="54">
        <v>122</v>
      </c>
      <c r="AL74" s="55">
        <v>57.521967246060285</v>
      </c>
      <c r="AM74" s="56">
        <v>4.8412000000000006</v>
      </c>
      <c r="AN74" s="292">
        <v>0.41838732835643888</v>
      </c>
      <c r="AO74" s="299">
        <v>8.796744639630337E-2</v>
      </c>
      <c r="AP74" s="292">
        <v>0.25717464338108093</v>
      </c>
      <c r="AQ74" s="299">
        <v>7.8623106843355078E-2</v>
      </c>
      <c r="AR74" s="54">
        <v>121</v>
      </c>
      <c r="AS74" s="55">
        <v>59.593783754490637</v>
      </c>
      <c r="AT74" s="56">
        <v>4.7039999999999997</v>
      </c>
      <c r="AU74" s="292">
        <v>0.43403220919260344</v>
      </c>
      <c r="AV74" s="299">
        <v>8.8710280143436432E-2</v>
      </c>
      <c r="AW74" s="292">
        <v>0.33899464407573787</v>
      </c>
      <c r="AX74" s="299">
        <v>8.4986546675651614E-2</v>
      </c>
    </row>
    <row r="75" spans="1:50" s="5" customFormat="1">
      <c r="A75" s="49" t="s">
        <v>444</v>
      </c>
      <c r="B75" s="74">
        <v>81</v>
      </c>
      <c r="C75" s="75">
        <v>79.571781200491671</v>
      </c>
      <c r="D75" s="76">
        <v>4.0768000000000004</v>
      </c>
      <c r="E75" s="296">
        <v>0.16784337450428305</v>
      </c>
      <c r="F75" s="297">
        <v>8.3963988110920013E-2</v>
      </c>
      <c r="G75" s="298">
        <v>0.70147351041840988</v>
      </c>
      <c r="H75" s="297">
        <v>0.10015022053101265</v>
      </c>
      <c r="I75" s="74">
        <v>81</v>
      </c>
      <c r="J75" s="75">
        <v>70.446364475412182</v>
      </c>
      <c r="K75" s="76">
        <v>4.9783999999999997</v>
      </c>
      <c r="L75" s="296">
        <v>0.21083413459390093</v>
      </c>
      <c r="M75" s="297">
        <v>9.0506484807038184E-2</v>
      </c>
      <c r="N75" s="298">
        <v>0.31099206313111394</v>
      </c>
      <c r="O75" s="297">
        <v>0.10118338544621822</v>
      </c>
      <c r="P75" s="74">
        <v>79</v>
      </c>
      <c r="Q75" s="75">
        <v>76.530721366578689</v>
      </c>
      <c r="R75" s="76">
        <v>4.41</v>
      </c>
      <c r="S75" s="296">
        <v>0.13931348439149299</v>
      </c>
      <c r="T75" s="297">
        <v>7.9801664075101433E-2</v>
      </c>
      <c r="U75" s="298">
        <v>0.52755639101885865</v>
      </c>
      <c r="V75" s="297">
        <v>0.10961313624844575</v>
      </c>
      <c r="W75" s="74">
        <v>81</v>
      </c>
      <c r="X75" s="75">
        <v>81.860910239047328</v>
      </c>
      <c r="Y75" s="76">
        <v>5.1352000000000002</v>
      </c>
      <c r="Z75" s="296">
        <v>9.2771107202748032E-2</v>
      </c>
      <c r="AA75" s="297">
        <v>6.8395189345863194E-2</v>
      </c>
      <c r="AB75" s="298">
        <v>0.68936625043029109</v>
      </c>
      <c r="AC75" s="297">
        <v>0.10115475156284667</v>
      </c>
      <c r="AD75" s="74">
        <v>81</v>
      </c>
      <c r="AE75" s="75">
        <v>86.603352004498404</v>
      </c>
      <c r="AF75" s="76">
        <v>3.8024</v>
      </c>
      <c r="AG75" s="296">
        <v>3.8517722707127063E-2</v>
      </c>
      <c r="AH75" s="297">
        <v>5.1612281465210831E-2</v>
      </c>
      <c r="AI75" s="298">
        <v>0.90662784427140919</v>
      </c>
      <c r="AJ75" s="297">
        <v>6.8547837244150214E-2</v>
      </c>
      <c r="AK75" s="74">
        <v>81</v>
      </c>
      <c r="AL75" s="75">
        <v>78.337632836641433</v>
      </c>
      <c r="AM75" s="76">
        <v>4.6844000000000001</v>
      </c>
      <c r="AN75" s="296">
        <v>0.10948227495190845</v>
      </c>
      <c r="AO75" s="297">
        <v>7.2440322716404701E-2</v>
      </c>
      <c r="AP75" s="298">
        <v>0.61103382927909689</v>
      </c>
      <c r="AQ75" s="297">
        <v>0.10600877151993358</v>
      </c>
      <c r="AR75" s="74">
        <v>81</v>
      </c>
      <c r="AS75" s="75">
        <v>67.865207312542751</v>
      </c>
      <c r="AT75" s="76">
        <v>5.5271999999999997</v>
      </c>
      <c r="AU75" s="296">
        <v>0.37929702056310349</v>
      </c>
      <c r="AV75" s="297">
        <v>0.10555617327078537</v>
      </c>
      <c r="AW75" s="298">
        <v>0.45494592664284722</v>
      </c>
      <c r="AX75" s="297">
        <v>0.1080646172282812</v>
      </c>
    </row>
    <row r="76" spans="1:50" s="5" customFormat="1">
      <c r="A76" s="45" t="s">
        <v>445</v>
      </c>
      <c r="B76" s="71">
        <v>123</v>
      </c>
      <c r="C76" s="72">
        <v>72.639594304560362</v>
      </c>
      <c r="D76" s="73">
        <v>3.3908</v>
      </c>
      <c r="E76" s="293">
        <v>0.18746855512603333</v>
      </c>
      <c r="F76" s="294">
        <v>7.0628230203210685E-2</v>
      </c>
      <c r="G76" s="295">
        <v>0.50348897712398188</v>
      </c>
      <c r="H76" s="294">
        <v>8.8733624509219053E-2</v>
      </c>
      <c r="I76" s="71">
        <v>121</v>
      </c>
      <c r="J76" s="72">
        <v>64.988570568836565</v>
      </c>
      <c r="K76" s="73">
        <v>4.1551999999999998</v>
      </c>
      <c r="L76" s="293">
        <v>0.28292480421932387</v>
      </c>
      <c r="M76" s="294">
        <v>8.1160757377770981E-2</v>
      </c>
      <c r="N76" s="295">
        <v>0.3387081463581928</v>
      </c>
      <c r="O76" s="294">
        <v>8.4970255971656694E-2</v>
      </c>
      <c r="P76" s="71">
        <v>120</v>
      </c>
      <c r="Q76" s="72">
        <v>65.309009157070093</v>
      </c>
      <c r="R76" s="73">
        <v>4.1355999999999993</v>
      </c>
      <c r="S76" s="293">
        <v>0.31189769991572869</v>
      </c>
      <c r="T76" s="294">
        <v>8.3639673919108648E-2</v>
      </c>
      <c r="U76" s="295">
        <v>0.43111124605173951</v>
      </c>
      <c r="V76" s="294">
        <v>8.900082873250123E-2</v>
      </c>
      <c r="W76" s="71">
        <v>120</v>
      </c>
      <c r="X76" s="72">
        <v>75.81351089539173</v>
      </c>
      <c r="Y76" s="73">
        <v>3.6259999999999999</v>
      </c>
      <c r="Z76" s="293">
        <v>0.131096840511671</v>
      </c>
      <c r="AA76" s="294">
        <v>6.287437984973071E-2</v>
      </c>
      <c r="AB76" s="295">
        <v>0.5918424327965004</v>
      </c>
      <c r="AC76" s="294">
        <v>8.8372449697500091E-2</v>
      </c>
      <c r="AD76" s="71">
        <v>121</v>
      </c>
      <c r="AE76" s="72">
        <v>79.209708353179138</v>
      </c>
      <c r="AF76" s="73">
        <v>3.7043999999999997</v>
      </c>
      <c r="AG76" s="293">
        <v>9.8004668279712021E-2</v>
      </c>
      <c r="AH76" s="294">
        <v>5.6164527000687747E-2</v>
      </c>
      <c r="AI76" s="295">
        <v>0.59091218539202084</v>
      </c>
      <c r="AJ76" s="294">
        <v>8.8046437345784184E-2</v>
      </c>
      <c r="AK76" s="71">
        <v>121</v>
      </c>
      <c r="AL76" s="72">
        <v>65.941518710414528</v>
      </c>
      <c r="AM76" s="73">
        <v>3.9787999999999997</v>
      </c>
      <c r="AN76" s="293">
        <v>0.37494814843641155</v>
      </c>
      <c r="AO76" s="294">
        <v>8.6781906121652194E-2</v>
      </c>
      <c r="AP76" s="295">
        <v>0.36338589946980504</v>
      </c>
      <c r="AQ76" s="294">
        <v>8.6257648398205364E-2</v>
      </c>
      <c r="AR76" s="71">
        <v>120</v>
      </c>
      <c r="AS76" s="72">
        <v>66.078129586312201</v>
      </c>
      <c r="AT76" s="73">
        <v>4.508</v>
      </c>
      <c r="AU76" s="293">
        <v>0.32721703392881685</v>
      </c>
      <c r="AV76" s="294">
        <v>8.4632229549641322E-2</v>
      </c>
      <c r="AW76" s="295">
        <v>0.35759049169048612</v>
      </c>
      <c r="AX76" s="294">
        <v>8.6324004386381034E-2</v>
      </c>
    </row>
    <row r="77" spans="1:50">
      <c r="A77" s="49" t="s">
        <v>453</v>
      </c>
      <c r="B77" s="74">
        <v>958</v>
      </c>
      <c r="C77" s="75">
        <v>77.196856954846723</v>
      </c>
      <c r="D77" s="76">
        <v>1.1563999999999999</v>
      </c>
      <c r="E77" s="296">
        <v>0.14286754664457685</v>
      </c>
      <c r="F77" s="297">
        <v>2.2662199764429007E-2</v>
      </c>
      <c r="G77" s="298">
        <v>0.58638219147790405</v>
      </c>
      <c r="H77" s="297">
        <v>3.1760541234260725E-2</v>
      </c>
      <c r="I77" s="74">
        <v>958</v>
      </c>
      <c r="J77" s="75">
        <v>69.232610014473465</v>
      </c>
      <c r="K77" s="76">
        <v>1.4112</v>
      </c>
      <c r="L77" s="296">
        <v>0.24874377963413888</v>
      </c>
      <c r="M77" s="297">
        <v>2.791390143104339E-2</v>
      </c>
      <c r="N77" s="298">
        <v>0.42362627023404892</v>
      </c>
      <c r="O77" s="297">
        <v>3.1866108886797626E-2</v>
      </c>
      <c r="P77" s="74">
        <v>953</v>
      </c>
      <c r="Q77" s="75">
        <v>68.920700667707521</v>
      </c>
      <c r="R77" s="76">
        <v>1.4503999999999999</v>
      </c>
      <c r="S77" s="296">
        <v>0.25148830073388689</v>
      </c>
      <c r="T77" s="297">
        <v>2.8088315733637088E-2</v>
      </c>
      <c r="U77" s="298">
        <v>0.4368928329542574</v>
      </c>
      <c r="V77" s="297">
        <v>3.2069067805701165E-2</v>
      </c>
      <c r="W77" s="74">
        <v>959</v>
      </c>
      <c r="X77" s="75">
        <v>75.349163103042684</v>
      </c>
      <c r="Y77" s="76">
        <v>1.4896</v>
      </c>
      <c r="Z77" s="296">
        <v>0.20251280521085935</v>
      </c>
      <c r="AA77" s="297">
        <v>2.5959072602525824E-2</v>
      </c>
      <c r="AB77" s="298">
        <v>0.57068214703362319</v>
      </c>
      <c r="AC77" s="297">
        <v>3.1903635488894494E-2</v>
      </c>
      <c r="AD77" s="74">
        <v>955</v>
      </c>
      <c r="AE77" s="75">
        <v>80.015022705183853</v>
      </c>
      <c r="AF77" s="76">
        <v>1.2347999999999999</v>
      </c>
      <c r="AG77" s="296">
        <v>0.10902876837706424</v>
      </c>
      <c r="AH77" s="297">
        <v>2.0260450731764041E-2</v>
      </c>
      <c r="AI77" s="298">
        <v>0.66305687050269424</v>
      </c>
      <c r="AJ77" s="297">
        <v>3.0541432452304323E-2</v>
      </c>
      <c r="AK77" s="74">
        <v>952</v>
      </c>
      <c r="AL77" s="75">
        <v>68.362290710025107</v>
      </c>
      <c r="AM77" s="76">
        <v>1.5092000000000001</v>
      </c>
      <c r="AN77" s="296">
        <v>0.28883328543076686</v>
      </c>
      <c r="AO77" s="297">
        <v>2.9342943214782743E-2</v>
      </c>
      <c r="AP77" s="298">
        <v>0.42567952202436454</v>
      </c>
      <c r="AQ77" s="297">
        <v>3.198604506727018E-2</v>
      </c>
      <c r="AR77" s="74">
        <v>955</v>
      </c>
      <c r="AS77" s="75">
        <v>68.256111054125327</v>
      </c>
      <c r="AT77" s="76">
        <v>1.5680000000000001</v>
      </c>
      <c r="AU77" s="296">
        <v>0.29104730870241452</v>
      </c>
      <c r="AV77" s="297">
        <v>2.9362516887950642E-2</v>
      </c>
      <c r="AW77" s="298">
        <v>0.44761173530741372</v>
      </c>
      <c r="AX77" s="297">
        <v>3.2115427697315742E-2</v>
      </c>
    </row>
    <row r="78" spans="1:50">
      <c r="A78" s="45" t="s">
        <v>446</v>
      </c>
      <c r="B78" s="54">
        <v>104</v>
      </c>
      <c r="C78" s="55">
        <v>74.808201530273521</v>
      </c>
      <c r="D78" s="56">
        <v>4.0768000000000004</v>
      </c>
      <c r="E78" s="292">
        <v>0.20864287234159015</v>
      </c>
      <c r="F78" s="299">
        <v>7.9647987271737275E-2</v>
      </c>
      <c r="G78" s="292">
        <v>0.58350568602976183</v>
      </c>
      <c r="H78" s="299">
        <v>9.4972465458620953E-2</v>
      </c>
      <c r="I78" s="54">
        <v>105</v>
      </c>
      <c r="J78" s="55">
        <v>69.826156134218721</v>
      </c>
      <c r="K78" s="56">
        <v>4.6647999999999996</v>
      </c>
      <c r="L78" s="292">
        <v>0.21044339419254263</v>
      </c>
      <c r="M78" s="299">
        <v>7.949327554874569E-2</v>
      </c>
      <c r="N78" s="292">
        <v>0.45958388609710349</v>
      </c>
      <c r="O78" s="299">
        <v>9.5491817241357302E-2</v>
      </c>
      <c r="P78" s="54">
        <v>102</v>
      </c>
      <c r="Q78" s="55">
        <v>69.396533431585041</v>
      </c>
      <c r="R78" s="56">
        <v>4.41</v>
      </c>
      <c r="S78" s="292">
        <v>0.29655803033634415</v>
      </c>
      <c r="T78" s="299">
        <v>8.9374365994098218E-2</v>
      </c>
      <c r="U78" s="292">
        <v>0.54405180518762364</v>
      </c>
      <c r="V78" s="299">
        <v>9.6778902383921575E-2</v>
      </c>
      <c r="W78" s="54">
        <v>105</v>
      </c>
      <c r="X78" s="55">
        <v>74.439601600195203</v>
      </c>
      <c r="Y78" s="56">
        <v>5.1744000000000003</v>
      </c>
      <c r="Z78" s="292">
        <v>0.27092461001233953</v>
      </c>
      <c r="AA78" s="299">
        <v>8.5949678661850798E-2</v>
      </c>
      <c r="AB78" s="292">
        <v>0.54277247970755615</v>
      </c>
      <c r="AC78" s="299">
        <v>9.5456859051441814E-2</v>
      </c>
      <c r="AD78" s="54">
        <v>105</v>
      </c>
      <c r="AE78" s="55">
        <v>84.448563519796636</v>
      </c>
      <c r="AF78" s="56">
        <v>3.92</v>
      </c>
      <c r="AG78" s="292">
        <v>3.1980150881847837E-2</v>
      </c>
      <c r="AH78" s="299">
        <v>4.1414866095227064E-2</v>
      </c>
      <c r="AI78" s="292">
        <v>0.72907834264141769</v>
      </c>
      <c r="AJ78" s="299">
        <v>8.5949410677600244E-2</v>
      </c>
      <c r="AK78" s="54">
        <v>104</v>
      </c>
      <c r="AL78" s="55">
        <v>68.131030157403515</v>
      </c>
      <c r="AM78" s="56">
        <v>5.4291999999999998</v>
      </c>
      <c r="AN78" s="292">
        <v>0.3651773752546657</v>
      </c>
      <c r="AO78" s="299">
        <v>9.2924577208572681E-2</v>
      </c>
      <c r="AP78" s="292">
        <v>0.50349693953276764</v>
      </c>
      <c r="AQ78" s="299">
        <v>9.6222862544821569E-2</v>
      </c>
      <c r="AR78" s="54">
        <v>104</v>
      </c>
      <c r="AS78" s="55">
        <v>62.936131391433243</v>
      </c>
      <c r="AT78" s="56">
        <v>5.2332000000000001</v>
      </c>
      <c r="AU78" s="292">
        <v>0.37905295971564645</v>
      </c>
      <c r="AV78" s="299">
        <v>9.3578114868109755E-2</v>
      </c>
      <c r="AW78" s="292">
        <v>0.42073916988181687</v>
      </c>
      <c r="AX78" s="299">
        <v>9.5097310231112772E-2</v>
      </c>
    </row>
    <row r="79" spans="1:50">
      <c r="A79" s="49" t="s">
        <v>447</v>
      </c>
      <c r="B79" s="74">
        <v>197</v>
      </c>
      <c r="C79" s="75">
        <v>77.12315628128718</v>
      </c>
      <c r="D79" s="76">
        <v>2.5087999999999999</v>
      </c>
      <c r="E79" s="296">
        <v>0.16308394356822847</v>
      </c>
      <c r="F79" s="297">
        <v>5.2963993070458633E-2</v>
      </c>
      <c r="G79" s="298">
        <v>0.58136000852366776</v>
      </c>
      <c r="H79" s="297">
        <v>6.9631780393549614E-2</v>
      </c>
      <c r="I79" s="74">
        <v>196</v>
      </c>
      <c r="J79" s="75">
        <v>69.396098070090872</v>
      </c>
      <c r="K79" s="76">
        <v>2.8811999999999998</v>
      </c>
      <c r="L79" s="296">
        <v>0.22106461550044515</v>
      </c>
      <c r="M79" s="297">
        <v>5.9207453457082865E-2</v>
      </c>
      <c r="N79" s="298">
        <v>0.42359347946878972</v>
      </c>
      <c r="O79" s="297">
        <v>6.9913264362773009E-2</v>
      </c>
      <c r="P79" s="74">
        <v>195</v>
      </c>
      <c r="Q79" s="75">
        <v>70.400866118292896</v>
      </c>
      <c r="R79" s="76">
        <v>3.0184000000000002</v>
      </c>
      <c r="S79" s="296">
        <v>0.21926024756108597</v>
      </c>
      <c r="T79" s="297">
        <v>5.9194217827448124E-2</v>
      </c>
      <c r="U79" s="298">
        <v>0.42203881710865171</v>
      </c>
      <c r="V79" s="297">
        <v>7.0055819499749636E-2</v>
      </c>
      <c r="W79" s="74">
        <v>197</v>
      </c>
      <c r="X79" s="75">
        <v>74.986657797418133</v>
      </c>
      <c r="Y79" s="76">
        <v>3.1164000000000001</v>
      </c>
      <c r="Z79" s="296">
        <v>0.19941929491943575</v>
      </c>
      <c r="AA79" s="297">
        <v>5.6991127788093468E-2</v>
      </c>
      <c r="AB79" s="298">
        <v>0.5364168595038854</v>
      </c>
      <c r="AC79" s="297">
        <v>7.0354619974017596E-2</v>
      </c>
      <c r="AD79" s="74">
        <v>195</v>
      </c>
      <c r="AE79" s="75">
        <v>72.575302128650947</v>
      </c>
      <c r="AF79" s="76">
        <v>3.0379999999999998</v>
      </c>
      <c r="AG79" s="296">
        <v>0.19531655187951655</v>
      </c>
      <c r="AH79" s="297">
        <v>5.6863130984182372E-2</v>
      </c>
      <c r="AI79" s="298">
        <v>0.51445470874987909</v>
      </c>
      <c r="AJ79" s="297">
        <v>7.0859671149138395E-2</v>
      </c>
      <c r="AK79" s="74">
        <v>197</v>
      </c>
      <c r="AL79" s="75">
        <v>63.62178201016782</v>
      </c>
      <c r="AM79" s="76">
        <v>3.2535999999999996</v>
      </c>
      <c r="AN79" s="296">
        <v>0.33040894351960826</v>
      </c>
      <c r="AO79" s="297">
        <v>6.6523059967516729E-2</v>
      </c>
      <c r="AP79" s="298">
        <v>0.31064045547363789</v>
      </c>
      <c r="AQ79" s="297">
        <v>6.5495570956077387E-2</v>
      </c>
      <c r="AR79" s="74">
        <v>197</v>
      </c>
      <c r="AS79" s="75">
        <v>67.291254674007405</v>
      </c>
      <c r="AT79" s="76">
        <v>3.6259999999999999</v>
      </c>
      <c r="AU79" s="296">
        <v>0.30889351476583432</v>
      </c>
      <c r="AV79" s="297">
        <v>6.5398502451325224E-2</v>
      </c>
      <c r="AW79" s="298">
        <v>0.47693778840166329</v>
      </c>
      <c r="AX79" s="297">
        <v>7.0462451458267891E-2</v>
      </c>
    </row>
    <row r="80" spans="1:50">
      <c r="A80" s="57" t="s">
        <v>448</v>
      </c>
      <c r="B80" s="71">
        <v>241</v>
      </c>
      <c r="C80" s="72">
        <v>78.909796875182721</v>
      </c>
      <c r="D80" s="73">
        <v>2.1952000000000003</v>
      </c>
      <c r="E80" s="293">
        <v>0.11931533452220314</v>
      </c>
      <c r="F80" s="294">
        <v>4.2334463067084216E-2</v>
      </c>
      <c r="G80" s="295">
        <v>0.61610707733512149</v>
      </c>
      <c r="H80" s="294">
        <v>6.2198594948021789E-2</v>
      </c>
      <c r="I80" s="71">
        <v>241</v>
      </c>
      <c r="J80" s="72">
        <v>72.879449746866456</v>
      </c>
      <c r="K80" s="73">
        <v>2.5284</v>
      </c>
      <c r="L80" s="293">
        <v>0.25308156082216132</v>
      </c>
      <c r="M80" s="294">
        <v>5.58431985582898E-2</v>
      </c>
      <c r="N80" s="295">
        <v>0.49997026690196861</v>
      </c>
      <c r="O80" s="294">
        <v>6.3887656390691716E-2</v>
      </c>
      <c r="P80" s="71">
        <v>241</v>
      </c>
      <c r="Q80" s="72">
        <v>68.80625270805325</v>
      </c>
      <c r="R80" s="73">
        <v>2.7243999999999997</v>
      </c>
      <c r="S80" s="293">
        <v>0.25088223331546611</v>
      </c>
      <c r="T80" s="294">
        <v>5.5688673073044488E-2</v>
      </c>
      <c r="U80" s="295">
        <v>0.42470304356832261</v>
      </c>
      <c r="V80" s="294">
        <v>6.3182791238788921E-2</v>
      </c>
      <c r="W80" s="71">
        <v>241</v>
      </c>
      <c r="X80" s="72">
        <v>77.072446188534414</v>
      </c>
      <c r="Y80" s="73">
        <v>2.7635999999999998</v>
      </c>
      <c r="Z80" s="293">
        <v>0.14766952809191028</v>
      </c>
      <c r="AA80" s="294">
        <v>4.6049413475351894E-2</v>
      </c>
      <c r="AB80" s="295">
        <v>0.58826661198195696</v>
      </c>
      <c r="AC80" s="294">
        <v>6.2917027098159981E-2</v>
      </c>
      <c r="AD80" s="71">
        <v>240</v>
      </c>
      <c r="AE80" s="72">
        <v>84.730463773844136</v>
      </c>
      <c r="AF80" s="73">
        <v>2.0775999999999999</v>
      </c>
      <c r="AG80" s="293">
        <v>5.9305820880023889E-2</v>
      </c>
      <c r="AH80" s="294">
        <v>3.1907662043814553E-2</v>
      </c>
      <c r="AI80" s="295">
        <v>0.78061028739420413</v>
      </c>
      <c r="AJ80" s="294">
        <v>5.3380541421330231E-2</v>
      </c>
      <c r="AK80" s="71">
        <v>240</v>
      </c>
      <c r="AL80" s="72">
        <v>71.615652033669832</v>
      </c>
      <c r="AM80" s="73">
        <v>2.7439999999999998</v>
      </c>
      <c r="AN80" s="293">
        <v>0.25717507822994085</v>
      </c>
      <c r="AO80" s="294">
        <v>5.6242078513354422E-2</v>
      </c>
      <c r="AP80" s="295">
        <v>0.50104846657361768</v>
      </c>
      <c r="AQ80" s="294">
        <v>6.4018303794530329E-2</v>
      </c>
      <c r="AR80" s="71">
        <v>239</v>
      </c>
      <c r="AS80" s="72">
        <v>69.278231265901937</v>
      </c>
      <c r="AT80" s="73">
        <v>2.9203999999999999</v>
      </c>
      <c r="AU80" s="293">
        <v>0.25016955639248789</v>
      </c>
      <c r="AV80" s="294">
        <v>5.5869138751158905E-2</v>
      </c>
      <c r="AW80" s="295">
        <v>0.43546511796589066</v>
      </c>
      <c r="AX80" s="294">
        <v>6.363103930548164E-2</v>
      </c>
    </row>
    <row r="81" spans="1:50">
      <c r="A81" s="49" t="s">
        <v>449</v>
      </c>
      <c r="B81" s="74">
        <v>124</v>
      </c>
      <c r="C81" s="75">
        <v>79.250646550888362</v>
      </c>
      <c r="D81" s="76">
        <v>3.1164000000000001</v>
      </c>
      <c r="E81" s="296">
        <v>0.11667464114438476</v>
      </c>
      <c r="F81" s="297">
        <v>5.9187683596853689E-2</v>
      </c>
      <c r="G81" s="298">
        <v>0.58893244364120922</v>
      </c>
      <c r="H81" s="297">
        <v>8.7066355455897956E-2</v>
      </c>
      <c r="I81" s="74">
        <v>123</v>
      </c>
      <c r="J81" s="75">
        <v>63.81331588522314</v>
      </c>
      <c r="K81" s="76">
        <v>4.2923999999999998</v>
      </c>
      <c r="L81" s="296">
        <v>0.3394100242949431</v>
      </c>
      <c r="M81" s="297">
        <v>8.4333382224709194E-2</v>
      </c>
      <c r="N81" s="298">
        <v>0.36726678935364931</v>
      </c>
      <c r="O81" s="297">
        <v>8.5752660159208474E-2</v>
      </c>
      <c r="P81" s="74">
        <v>124</v>
      </c>
      <c r="Q81" s="75">
        <v>65.552504232864578</v>
      </c>
      <c r="R81" s="76">
        <v>4.3904000000000005</v>
      </c>
      <c r="S81" s="296">
        <v>0.26734649734061178</v>
      </c>
      <c r="T81" s="297">
        <v>7.8899157737424397E-2</v>
      </c>
      <c r="U81" s="298">
        <v>0.38385286430803661</v>
      </c>
      <c r="V81" s="297">
        <v>8.6121245148477188E-2</v>
      </c>
      <c r="W81" s="74">
        <v>124</v>
      </c>
      <c r="X81" s="75">
        <v>72.350262457330558</v>
      </c>
      <c r="Y81" s="76">
        <v>4.2728000000000002</v>
      </c>
      <c r="Z81" s="296">
        <v>0.23460903129726521</v>
      </c>
      <c r="AA81" s="297">
        <v>7.5808326351552255E-2</v>
      </c>
      <c r="AB81" s="298">
        <v>0.46808709692809741</v>
      </c>
      <c r="AC81" s="297">
        <v>8.8219226954091137E-2</v>
      </c>
      <c r="AD81" s="74">
        <v>123</v>
      </c>
      <c r="AE81" s="75">
        <v>85.938123339553414</v>
      </c>
      <c r="AF81" s="76">
        <v>3.3319999999999999</v>
      </c>
      <c r="AG81" s="296">
        <v>5.2503546829971798E-2</v>
      </c>
      <c r="AH81" s="297">
        <v>4.4247919980958186E-2</v>
      </c>
      <c r="AI81" s="298">
        <v>0.73505198209146005</v>
      </c>
      <c r="AJ81" s="297">
        <v>7.9004841372931803E-2</v>
      </c>
      <c r="AK81" s="74">
        <v>120</v>
      </c>
      <c r="AL81" s="75">
        <v>67.919780127634795</v>
      </c>
      <c r="AM81" s="76">
        <v>4.3708</v>
      </c>
      <c r="AN81" s="296">
        <v>0.32616784038967289</v>
      </c>
      <c r="AO81" s="297">
        <v>8.4567297157576063E-2</v>
      </c>
      <c r="AP81" s="298">
        <v>0.45018036171109999</v>
      </c>
      <c r="AQ81" s="297">
        <v>8.938419246037517E-2</v>
      </c>
      <c r="AR81" s="74">
        <v>124</v>
      </c>
      <c r="AS81" s="75">
        <v>67.95967301125232</v>
      </c>
      <c r="AT81" s="76">
        <v>4.2336</v>
      </c>
      <c r="AU81" s="296">
        <v>0.29135890753920085</v>
      </c>
      <c r="AV81" s="297">
        <v>8.084458040413052E-2</v>
      </c>
      <c r="AW81" s="298">
        <v>0.44032086825160227</v>
      </c>
      <c r="AX81" s="297">
        <v>8.7795487325810981E-2</v>
      </c>
    </row>
    <row r="82" spans="1:50">
      <c r="A82" s="57" t="s">
        <v>450</v>
      </c>
      <c r="B82" s="71">
        <v>127</v>
      </c>
      <c r="C82" s="72">
        <v>73.557016003045206</v>
      </c>
      <c r="D82" s="73">
        <v>3.1752000000000002</v>
      </c>
      <c r="E82" s="293">
        <v>0.15957253965528301</v>
      </c>
      <c r="F82" s="294">
        <v>6.5633355410810806E-2</v>
      </c>
      <c r="G82" s="295">
        <v>0.54550323634586628</v>
      </c>
      <c r="H82" s="294">
        <v>8.7029690552528599E-2</v>
      </c>
      <c r="I82" s="71">
        <v>127</v>
      </c>
      <c r="J82" s="72">
        <v>67.445635359376553</v>
      </c>
      <c r="K82" s="73">
        <v>3.9787999999999997</v>
      </c>
      <c r="L82" s="293">
        <v>0.21604664866045725</v>
      </c>
      <c r="M82" s="294">
        <v>7.2936081793961799E-2</v>
      </c>
      <c r="N82" s="295">
        <v>0.40801466987983159</v>
      </c>
      <c r="O82" s="294">
        <v>8.5969554498445663E-2</v>
      </c>
      <c r="P82" s="71">
        <v>125</v>
      </c>
      <c r="Q82" s="72">
        <v>65.618523746852574</v>
      </c>
      <c r="R82" s="73">
        <v>4.3512000000000004</v>
      </c>
      <c r="S82" s="293">
        <v>0.30638752626661964</v>
      </c>
      <c r="T82" s="294">
        <v>8.1612217565774137E-2</v>
      </c>
      <c r="U82" s="295">
        <v>0.42801978463031459</v>
      </c>
      <c r="V82" s="294">
        <v>8.7184234890477635E-2</v>
      </c>
      <c r="W82" s="71">
        <v>126</v>
      </c>
      <c r="X82" s="72">
        <v>71.382582237509482</v>
      </c>
      <c r="Y82" s="73">
        <v>4.41</v>
      </c>
      <c r="Z82" s="293">
        <v>0.26558409360952662</v>
      </c>
      <c r="AA82" s="294">
        <v>7.8127853230398253E-2</v>
      </c>
      <c r="AB82" s="295">
        <v>0.56213537448884088</v>
      </c>
      <c r="AC82" s="294">
        <v>8.7067282210194427E-2</v>
      </c>
      <c r="AD82" s="71">
        <v>126</v>
      </c>
      <c r="AE82" s="72">
        <v>78.299727123914508</v>
      </c>
      <c r="AF82" s="73">
        <v>3.3712</v>
      </c>
      <c r="AG82" s="293">
        <v>0.1297330121605561</v>
      </c>
      <c r="AH82" s="294">
        <v>6.1069780798080849E-2</v>
      </c>
      <c r="AI82" s="295">
        <v>0.66127827435061926</v>
      </c>
      <c r="AJ82" s="294">
        <v>8.3309497115847439E-2</v>
      </c>
      <c r="AK82" s="71">
        <v>125</v>
      </c>
      <c r="AL82" s="72">
        <v>67.97375902226041</v>
      </c>
      <c r="AM82" s="73">
        <v>4.0376000000000003</v>
      </c>
      <c r="AN82" s="293">
        <v>0.28061476785567885</v>
      </c>
      <c r="AO82" s="294">
        <v>7.9691000675035262E-2</v>
      </c>
      <c r="AP82" s="295">
        <v>0.42009076513713889</v>
      </c>
      <c r="AQ82" s="294">
        <v>8.6982912655530847E-2</v>
      </c>
      <c r="AR82" s="71">
        <v>126</v>
      </c>
      <c r="AS82" s="72">
        <v>69.396189251806859</v>
      </c>
      <c r="AT82" s="73">
        <v>4.0768000000000004</v>
      </c>
      <c r="AU82" s="293">
        <v>0.28991044096057395</v>
      </c>
      <c r="AV82" s="294">
        <v>8.0103154934168502E-2</v>
      </c>
      <c r="AW82" s="295">
        <v>0.47871967606477162</v>
      </c>
      <c r="AX82" s="294">
        <v>8.7631147764899373E-2</v>
      </c>
    </row>
    <row r="83" spans="1:50">
      <c r="A83" s="49" t="s">
        <v>451</v>
      </c>
      <c r="B83" s="74">
        <v>165</v>
      </c>
      <c r="C83" s="75">
        <v>77.083137686906781</v>
      </c>
      <c r="D83" s="76">
        <v>2.8028</v>
      </c>
      <c r="E83" s="296">
        <v>0.13005007257661941</v>
      </c>
      <c r="F83" s="297">
        <v>5.3191425974772527E-2</v>
      </c>
      <c r="G83" s="298">
        <v>0.57763218794582105</v>
      </c>
      <c r="H83" s="297">
        <v>7.6034118382205848E-2</v>
      </c>
      <c r="I83" s="74">
        <v>166</v>
      </c>
      <c r="J83" s="75">
        <v>67.532648237952543</v>
      </c>
      <c r="K83" s="76">
        <v>3.6652</v>
      </c>
      <c r="L83" s="296">
        <v>0.26775220793332583</v>
      </c>
      <c r="M83" s="297">
        <v>6.8353649286344853E-2</v>
      </c>
      <c r="N83" s="298">
        <v>0.32051028976712037</v>
      </c>
      <c r="O83" s="297">
        <v>7.1830139666589049E-2</v>
      </c>
      <c r="P83" s="74">
        <v>166</v>
      </c>
      <c r="Q83" s="75">
        <v>72.254910223550723</v>
      </c>
      <c r="R83" s="76">
        <v>3.5084</v>
      </c>
      <c r="S83" s="296">
        <v>0.22138939390095333</v>
      </c>
      <c r="T83" s="297">
        <v>6.4349421681813873E-2</v>
      </c>
      <c r="U83" s="298">
        <v>0.48844482065217959</v>
      </c>
      <c r="V83" s="297">
        <v>7.6676967521760162E-2</v>
      </c>
      <c r="W83" s="74">
        <v>166</v>
      </c>
      <c r="X83" s="75">
        <v>79.156719214079786</v>
      </c>
      <c r="Y83" s="76">
        <v>3.3712</v>
      </c>
      <c r="Z83" s="296">
        <v>0.19823456311999205</v>
      </c>
      <c r="AA83" s="297">
        <v>6.1962511316090665E-2</v>
      </c>
      <c r="AB83" s="298">
        <v>0.69073769683343667</v>
      </c>
      <c r="AC83" s="297">
        <v>7.1176835333332716E-2</v>
      </c>
      <c r="AD83" s="74">
        <v>166</v>
      </c>
      <c r="AE83" s="75">
        <v>78.937464103859668</v>
      </c>
      <c r="AF83" s="76">
        <v>2.9007999999999998</v>
      </c>
      <c r="AG83" s="296">
        <v>0.11296968065867816</v>
      </c>
      <c r="AH83" s="297">
        <v>5.0216861275699541E-2</v>
      </c>
      <c r="AI83" s="298">
        <v>0.60905799781344183</v>
      </c>
      <c r="AJ83" s="297">
        <v>7.4936752849618399E-2</v>
      </c>
      <c r="AK83" s="74">
        <v>166</v>
      </c>
      <c r="AL83" s="75">
        <v>70.910134203619478</v>
      </c>
      <c r="AM83" s="76">
        <v>3.5672000000000001</v>
      </c>
      <c r="AN83" s="296">
        <v>0.22879413542237423</v>
      </c>
      <c r="AO83" s="297">
        <v>6.505526296118716E-2</v>
      </c>
      <c r="AP83" s="298">
        <v>0.43075597804252813</v>
      </c>
      <c r="AQ83" s="297">
        <v>7.5991988040093397E-2</v>
      </c>
      <c r="AR83" s="74">
        <v>165</v>
      </c>
      <c r="AS83" s="75">
        <v>69.277067072322794</v>
      </c>
      <c r="AT83" s="76">
        <v>3.7435999999999998</v>
      </c>
      <c r="AU83" s="296">
        <v>0.30293608779704628</v>
      </c>
      <c r="AV83" s="297">
        <v>7.1000019011830784E-2</v>
      </c>
      <c r="AW83" s="298">
        <v>0.40774090200256025</v>
      </c>
      <c r="AX83" s="297">
        <v>7.5664537304075047E-2</v>
      </c>
    </row>
    <row r="84" spans="1:50">
      <c r="A84" s="57" t="s">
        <v>457</v>
      </c>
      <c r="B84" s="71">
        <v>130</v>
      </c>
      <c r="C84" s="72">
        <v>68.233175932924837</v>
      </c>
      <c r="D84" s="73">
        <v>3.4887999999999999</v>
      </c>
      <c r="E84" s="293">
        <v>0.2951962550176655</v>
      </c>
      <c r="F84" s="294">
        <v>7.9273229428067624E-2</v>
      </c>
      <c r="G84" s="295">
        <v>0.35115592964928144</v>
      </c>
      <c r="H84" s="294">
        <v>8.2705801500456783E-2</v>
      </c>
      <c r="I84" s="71">
        <v>130</v>
      </c>
      <c r="J84" s="72">
        <v>64.663419030042448</v>
      </c>
      <c r="K84" s="73">
        <v>3.8220000000000001</v>
      </c>
      <c r="L84" s="293">
        <v>0.34397017157288312</v>
      </c>
      <c r="M84" s="294">
        <v>8.2332861092529408E-2</v>
      </c>
      <c r="N84" s="295">
        <v>0.27115597474964293</v>
      </c>
      <c r="O84" s="294">
        <v>7.7403823781060574E-2</v>
      </c>
      <c r="P84" s="71">
        <v>130</v>
      </c>
      <c r="Q84" s="72">
        <v>59.295380568368451</v>
      </c>
      <c r="R84" s="73">
        <v>4.0768000000000004</v>
      </c>
      <c r="S84" s="293">
        <v>0.43197381550347563</v>
      </c>
      <c r="T84" s="294">
        <v>8.5631035505758749E-2</v>
      </c>
      <c r="U84" s="295">
        <v>0.22714009408255909</v>
      </c>
      <c r="V84" s="294">
        <v>7.3286609028685418E-2</v>
      </c>
      <c r="W84" s="71">
        <v>130</v>
      </c>
      <c r="X84" s="72">
        <v>65.030217911767551</v>
      </c>
      <c r="Y84" s="73">
        <v>4.4295999999999998</v>
      </c>
      <c r="Z84" s="293">
        <v>0.34482440803929348</v>
      </c>
      <c r="AA84" s="294">
        <v>8.2378206653404645E-2</v>
      </c>
      <c r="AB84" s="295">
        <v>0.36730430085747878</v>
      </c>
      <c r="AC84" s="294">
        <v>8.3474438689834438E-2</v>
      </c>
      <c r="AD84" s="71">
        <v>130</v>
      </c>
      <c r="AE84" s="72">
        <v>71.979074879091797</v>
      </c>
      <c r="AF84" s="73">
        <v>3.4299999999999997</v>
      </c>
      <c r="AG84" s="293">
        <v>0.23042192650820983</v>
      </c>
      <c r="AH84" s="294">
        <v>7.3627045929861384E-2</v>
      </c>
      <c r="AI84" s="295">
        <v>0.39007025940931067</v>
      </c>
      <c r="AJ84" s="294">
        <v>8.4398866359980701E-2</v>
      </c>
      <c r="AK84" s="71">
        <v>130</v>
      </c>
      <c r="AL84" s="72">
        <v>60.186465617141309</v>
      </c>
      <c r="AM84" s="73">
        <v>4.0964</v>
      </c>
      <c r="AN84" s="293">
        <v>0.44775344291791785</v>
      </c>
      <c r="AO84" s="294">
        <v>8.5941811666927326E-2</v>
      </c>
      <c r="AP84" s="295">
        <v>0.22284462386986328</v>
      </c>
      <c r="AQ84" s="294">
        <v>7.2832341992726493E-2</v>
      </c>
      <c r="AR84" s="71">
        <v>130</v>
      </c>
      <c r="AS84" s="72">
        <v>60.083376271665202</v>
      </c>
      <c r="AT84" s="73">
        <v>4.3120000000000003</v>
      </c>
      <c r="AU84" s="293">
        <v>0.43782392468274928</v>
      </c>
      <c r="AV84" s="294">
        <v>8.5755899459385096E-2</v>
      </c>
      <c r="AW84" s="295">
        <v>0.26348827842364886</v>
      </c>
      <c r="AX84" s="294">
        <v>7.6753517309427852E-2</v>
      </c>
    </row>
    <row r="85" spans="1:50">
      <c r="A85" s="49" t="s">
        <v>460</v>
      </c>
      <c r="B85" s="74">
        <v>195</v>
      </c>
      <c r="C85" s="75">
        <v>69.973930570534691</v>
      </c>
      <c r="D85" s="76">
        <v>2.7439999999999998</v>
      </c>
      <c r="E85" s="296">
        <v>0.22498604050145679</v>
      </c>
      <c r="F85" s="297">
        <v>5.9710738890866817E-2</v>
      </c>
      <c r="G85" s="298">
        <v>0.37684119338338912</v>
      </c>
      <c r="H85" s="297">
        <v>6.8792244583658929E-2</v>
      </c>
      <c r="I85" s="74">
        <v>195</v>
      </c>
      <c r="J85" s="75">
        <v>69.74860762284861</v>
      </c>
      <c r="K85" s="76">
        <v>2.9203999999999999</v>
      </c>
      <c r="L85" s="296">
        <v>0.27682156300420752</v>
      </c>
      <c r="M85" s="297">
        <v>6.3747872948561435E-2</v>
      </c>
      <c r="N85" s="298">
        <v>0.37428207336060249</v>
      </c>
      <c r="O85" s="297">
        <v>6.8702840416190791E-2</v>
      </c>
      <c r="P85" s="74">
        <v>194</v>
      </c>
      <c r="Q85" s="75">
        <v>64.072718849017576</v>
      </c>
      <c r="R85" s="76">
        <v>3.1556000000000002</v>
      </c>
      <c r="S85" s="296">
        <v>0.32548943119970841</v>
      </c>
      <c r="T85" s="297">
        <v>6.6782338231397287E-2</v>
      </c>
      <c r="U85" s="298">
        <v>0.26061895725501927</v>
      </c>
      <c r="V85" s="297">
        <v>6.2762758991358358E-2</v>
      </c>
      <c r="W85" s="74">
        <v>195</v>
      </c>
      <c r="X85" s="75">
        <v>72.238659975802847</v>
      </c>
      <c r="Y85" s="76">
        <v>3.3319999999999999</v>
      </c>
      <c r="Z85" s="296">
        <v>0.24512776454138294</v>
      </c>
      <c r="AA85" s="297">
        <v>6.1411430583225311E-2</v>
      </c>
      <c r="AB85" s="298">
        <v>0.46794428680839234</v>
      </c>
      <c r="AC85" s="297">
        <v>7.0748095186017934E-2</v>
      </c>
      <c r="AD85" s="74">
        <v>195</v>
      </c>
      <c r="AE85" s="75">
        <v>70.739710601620516</v>
      </c>
      <c r="AF85" s="76">
        <v>3.2731999999999997</v>
      </c>
      <c r="AG85" s="296">
        <v>0.24312254272749836</v>
      </c>
      <c r="AH85" s="297">
        <v>6.124996420754774E-2</v>
      </c>
      <c r="AI85" s="298">
        <v>0.3970660085729168</v>
      </c>
      <c r="AJ85" s="297">
        <v>6.9430744719659446E-2</v>
      </c>
      <c r="AK85" s="74">
        <v>195</v>
      </c>
      <c r="AL85" s="75">
        <v>62.18344325176389</v>
      </c>
      <c r="AM85" s="76">
        <v>3.4887999999999999</v>
      </c>
      <c r="AN85" s="296">
        <v>0.35859470136038207</v>
      </c>
      <c r="AO85" s="297">
        <v>6.8111687804426974E-2</v>
      </c>
      <c r="AP85" s="298">
        <v>0.23834754941312181</v>
      </c>
      <c r="AQ85" s="297">
        <v>6.0858609642202424E-2</v>
      </c>
      <c r="AR85" s="74">
        <v>195</v>
      </c>
      <c r="AS85" s="75">
        <v>62.263540407110362</v>
      </c>
      <c r="AT85" s="76">
        <v>3.5868000000000002</v>
      </c>
      <c r="AU85" s="296">
        <v>0.35153203965581148</v>
      </c>
      <c r="AV85" s="297">
        <v>6.7821002799451663E-2</v>
      </c>
      <c r="AW85" s="298">
        <v>0.25167455376465736</v>
      </c>
      <c r="AX85" s="297">
        <v>6.1926942559941071E-2</v>
      </c>
    </row>
    <row r="86" spans="1:50" s="5" customFormat="1">
      <c r="A86" s="57" t="s">
        <v>458</v>
      </c>
      <c r="B86" s="71">
        <v>179</v>
      </c>
      <c r="C86" s="72">
        <v>66.980470331506694</v>
      </c>
      <c r="D86" s="73">
        <v>3.1752000000000002</v>
      </c>
      <c r="E86" s="293">
        <v>0.33065373200892073</v>
      </c>
      <c r="F86" s="294">
        <v>6.9747684212628502E-2</v>
      </c>
      <c r="G86" s="295">
        <v>0.38014675190772007</v>
      </c>
      <c r="H86" s="294">
        <v>7.1861479579079235E-2</v>
      </c>
      <c r="I86" s="71">
        <v>178</v>
      </c>
      <c r="J86" s="72">
        <v>68.086790021852821</v>
      </c>
      <c r="K86" s="73">
        <v>3.0771999999999999</v>
      </c>
      <c r="L86" s="293">
        <v>0.29897261939287417</v>
      </c>
      <c r="M86" s="294">
        <v>6.8153805354222163E-2</v>
      </c>
      <c r="N86" s="295">
        <v>0.36691392801672812</v>
      </c>
      <c r="O86" s="294">
        <v>7.1569237539442249E-2</v>
      </c>
      <c r="P86" s="71">
        <v>178</v>
      </c>
      <c r="Q86" s="72">
        <v>61.715936144419551</v>
      </c>
      <c r="R86" s="73">
        <v>3.5672000000000001</v>
      </c>
      <c r="S86" s="293">
        <v>0.40305463723337803</v>
      </c>
      <c r="T86" s="294">
        <v>7.2779989630972264E-2</v>
      </c>
      <c r="U86" s="295">
        <v>0.29889687616702099</v>
      </c>
      <c r="V86" s="294">
        <v>6.8149107586810739E-2</v>
      </c>
      <c r="W86" s="71">
        <v>178</v>
      </c>
      <c r="X86" s="72">
        <v>65.121627392508501</v>
      </c>
      <c r="Y86" s="73">
        <v>3.7239999999999998</v>
      </c>
      <c r="Z86" s="293">
        <v>0.31286753966256492</v>
      </c>
      <c r="AA86" s="294">
        <v>6.8980615913214749E-2</v>
      </c>
      <c r="AB86" s="295">
        <v>0.3727428447920702</v>
      </c>
      <c r="AC86" s="294">
        <v>7.1791767726455069E-2</v>
      </c>
      <c r="AD86" s="71">
        <v>179</v>
      </c>
      <c r="AE86" s="72">
        <v>70.32896368491545</v>
      </c>
      <c r="AF86" s="73">
        <v>3.0771999999999999</v>
      </c>
      <c r="AG86" s="293">
        <v>0.23458725004941558</v>
      </c>
      <c r="AH86" s="294">
        <v>6.3176728824548917E-2</v>
      </c>
      <c r="AI86" s="295">
        <v>0.42811231342767631</v>
      </c>
      <c r="AJ86" s="294">
        <v>7.3187476602991935E-2</v>
      </c>
      <c r="AK86" s="71">
        <v>178</v>
      </c>
      <c r="AL86" s="72">
        <v>62.568454924510071</v>
      </c>
      <c r="AM86" s="73">
        <v>3.6652</v>
      </c>
      <c r="AN86" s="293">
        <v>0.39981366134046104</v>
      </c>
      <c r="AO86" s="294">
        <v>7.2687657748985432E-2</v>
      </c>
      <c r="AP86" s="295">
        <v>0.29787507011959552</v>
      </c>
      <c r="AQ86" s="294">
        <v>6.8085528028613021E-2</v>
      </c>
      <c r="AR86" s="71">
        <v>179</v>
      </c>
      <c r="AS86" s="72">
        <v>62.004124013777805</v>
      </c>
      <c r="AT86" s="73">
        <v>3.6064000000000003</v>
      </c>
      <c r="AU86" s="293">
        <v>0.39597889425080013</v>
      </c>
      <c r="AV86" s="294">
        <v>7.237538186752375E-2</v>
      </c>
      <c r="AW86" s="295">
        <v>0.27933880261431393</v>
      </c>
      <c r="AX86" s="294">
        <v>6.6679882346830241E-2</v>
      </c>
    </row>
    <row r="87" spans="1:50" s="5" customFormat="1"/>
    <row r="88" spans="1:50" s="5" customFormat="1"/>
    <row r="90" spans="1:50" ht="18.75">
      <c r="A90" s="321" t="s">
        <v>285</v>
      </c>
      <c r="B90" s="321"/>
      <c r="C90" s="321"/>
      <c r="D90" s="321"/>
      <c r="E90" s="321"/>
      <c r="F90" s="321"/>
      <c r="G90" s="321"/>
      <c r="H90" s="321"/>
    </row>
    <row r="91" spans="1:50" ht="72.75" customHeight="1">
      <c r="A91" s="320" t="s">
        <v>289</v>
      </c>
      <c r="B91" s="320"/>
      <c r="C91" s="320"/>
      <c r="D91" s="320"/>
      <c r="E91" s="320"/>
      <c r="F91" s="320"/>
      <c r="G91" s="320"/>
      <c r="H91" s="320"/>
    </row>
    <row r="92" spans="1:50" ht="33" customHeight="1">
      <c r="A92" s="312" t="s">
        <v>286</v>
      </c>
      <c r="B92" s="313"/>
      <c r="C92" s="313"/>
      <c r="D92" s="313"/>
      <c r="E92" s="313"/>
      <c r="F92" s="313"/>
      <c r="G92" s="313"/>
      <c r="H92" s="314"/>
    </row>
    <row r="93" spans="1:50" ht="42" customHeight="1">
      <c r="A93" s="37" t="s">
        <v>85</v>
      </c>
      <c r="B93" s="38" t="s">
        <v>86</v>
      </c>
      <c r="C93" s="39" t="s">
        <v>87</v>
      </c>
      <c r="D93" s="40" t="s">
        <v>88</v>
      </c>
      <c r="E93" s="39" t="s">
        <v>410</v>
      </c>
      <c r="F93" s="40" t="s">
        <v>414</v>
      </c>
      <c r="G93" s="39" t="s">
        <v>412</v>
      </c>
      <c r="H93" s="40" t="s">
        <v>415</v>
      </c>
    </row>
    <row r="94" spans="1:50" ht="109.5" customHeight="1">
      <c r="A94" s="41"/>
      <c r="B94" s="42" t="s">
        <v>89</v>
      </c>
      <c r="C94" s="43" t="s">
        <v>292</v>
      </c>
      <c r="D94" s="44" t="s">
        <v>91</v>
      </c>
      <c r="E94" s="43" t="s">
        <v>411</v>
      </c>
      <c r="F94" s="91" t="s">
        <v>104</v>
      </c>
      <c r="G94" s="43" t="s">
        <v>413</v>
      </c>
      <c r="H94" s="91" t="s">
        <v>104</v>
      </c>
    </row>
    <row r="95" spans="1:50">
      <c r="A95" s="45" t="s">
        <v>436</v>
      </c>
      <c r="B95" s="77">
        <v>8473</v>
      </c>
      <c r="C95" s="78">
        <v>70.806989823608035</v>
      </c>
      <c r="D95" s="79">
        <v>0.51492840677209151</v>
      </c>
      <c r="E95" s="293">
        <v>0.24759942993317427</v>
      </c>
      <c r="F95" s="294">
        <v>9.3773112832664183E-3</v>
      </c>
      <c r="G95" s="293">
        <v>0.48110213296680271</v>
      </c>
      <c r="H95" s="294">
        <v>1.0853474272107861E-2</v>
      </c>
    </row>
    <row r="96" spans="1:50">
      <c r="A96" s="49" t="s">
        <v>437</v>
      </c>
      <c r="B96" s="80">
        <v>7880</v>
      </c>
      <c r="C96" s="81">
        <v>70.44400108077626</v>
      </c>
      <c r="D96" s="82">
        <v>0.54099223729664803</v>
      </c>
      <c r="E96" s="296">
        <v>0.2534547164679693</v>
      </c>
      <c r="F96" s="297">
        <v>9.7995404287269244E-3</v>
      </c>
      <c r="G96" s="296">
        <v>0.47528367173406427</v>
      </c>
      <c r="H96" s="297">
        <v>1.1248535004562479E-2</v>
      </c>
    </row>
    <row r="97" spans="1:8" s="5" customFormat="1">
      <c r="A97" s="45" t="s">
        <v>438</v>
      </c>
      <c r="B97" s="77">
        <v>761</v>
      </c>
      <c r="C97" s="78">
        <v>65.640626999999995</v>
      </c>
      <c r="D97" s="79">
        <v>1.7664499999999999</v>
      </c>
      <c r="E97" s="292">
        <v>0.318</v>
      </c>
      <c r="F97" s="299">
        <v>3.3701611773795291E-2</v>
      </c>
      <c r="G97" s="292">
        <v>0.373</v>
      </c>
      <c r="H97" s="299">
        <v>3.498191714501106E-2</v>
      </c>
    </row>
    <row r="98" spans="1:8" s="5" customFormat="1">
      <c r="A98" s="49" t="s">
        <v>439</v>
      </c>
      <c r="B98" s="80">
        <v>3244</v>
      </c>
      <c r="C98" s="81">
        <v>71.847520083999072</v>
      </c>
      <c r="D98" s="82">
        <v>0.80827264457308301</v>
      </c>
      <c r="E98" s="296">
        <v>0.23150559205724813</v>
      </c>
      <c r="F98" s="297">
        <v>1.4809471543650424E-2</v>
      </c>
      <c r="G98" s="296">
        <v>0.5001300563068678</v>
      </c>
      <c r="H98" s="297">
        <v>1.7546559566463438E-2</v>
      </c>
    </row>
    <row r="99" spans="1:8" s="5" customFormat="1">
      <c r="A99" s="45" t="s">
        <v>440</v>
      </c>
      <c r="B99" s="77">
        <v>3013</v>
      </c>
      <c r="C99" s="78">
        <v>71.896342000000004</v>
      </c>
      <c r="D99" s="79">
        <v>0.80696336000000002</v>
      </c>
      <c r="E99" s="292">
        <v>0.22900000000000001</v>
      </c>
      <c r="F99" s="299">
        <v>1.5308283162324424E-2</v>
      </c>
      <c r="G99" s="292">
        <v>0.502</v>
      </c>
      <c r="H99" s="299">
        <v>1.8205762785647506E-2</v>
      </c>
    </row>
    <row r="100" spans="1:8" s="5" customFormat="1">
      <c r="A100" s="49" t="s">
        <v>452</v>
      </c>
      <c r="B100" s="80">
        <v>520</v>
      </c>
      <c r="C100" s="81">
        <v>71.996555008724584</v>
      </c>
      <c r="D100" s="82">
        <v>2.0145058602545336</v>
      </c>
      <c r="E100" s="296">
        <v>0.24963322234262386</v>
      </c>
      <c r="F100" s="297">
        <v>3.7910080869319504E-2</v>
      </c>
      <c r="G100" s="296">
        <v>0.50386545114819592</v>
      </c>
      <c r="H100" s="297">
        <v>4.3683917205313685E-2</v>
      </c>
    </row>
    <row r="101" spans="1:8" s="5" customFormat="1">
      <c r="A101" s="45" t="s">
        <v>441</v>
      </c>
      <c r="B101" s="77">
        <v>137</v>
      </c>
      <c r="C101" s="78">
        <v>73.237545684505179</v>
      </c>
      <c r="D101" s="79">
        <v>3.6867636636953489</v>
      </c>
      <c r="E101" s="292">
        <v>0.23158035007467892</v>
      </c>
      <c r="F101" s="299">
        <v>7.1851067384160888E-2</v>
      </c>
      <c r="G101" s="292">
        <v>0.52831535979008792</v>
      </c>
      <c r="H101" s="299">
        <v>8.408760798886597E-2</v>
      </c>
    </row>
    <row r="102" spans="1:8" s="5" customFormat="1">
      <c r="A102" s="49" t="s">
        <v>442</v>
      </c>
      <c r="B102" s="80">
        <v>92</v>
      </c>
      <c r="C102" s="81">
        <v>68.307635808355528</v>
      </c>
      <c r="D102" s="82">
        <v>5.131743266796696</v>
      </c>
      <c r="E102" s="296">
        <v>0.36008006228043288</v>
      </c>
      <c r="F102" s="297">
        <v>9.8323422079556536E-2</v>
      </c>
      <c r="G102" s="296">
        <v>0.45067708170097626</v>
      </c>
      <c r="H102" s="297">
        <v>0.10160498581000303</v>
      </c>
    </row>
    <row r="103" spans="1:8" s="5" customFormat="1">
      <c r="A103" s="45" t="s">
        <v>443</v>
      </c>
      <c r="B103" s="77">
        <v>105</v>
      </c>
      <c r="C103" s="78">
        <v>71.531086825585461</v>
      </c>
      <c r="D103" s="79">
        <v>4.6122749747290763</v>
      </c>
      <c r="E103" s="292">
        <v>0.27380973334812864</v>
      </c>
      <c r="F103" s="299">
        <v>8.6209490067341785E-2</v>
      </c>
      <c r="G103" s="292">
        <v>0.51171860913693956</v>
      </c>
      <c r="H103" s="299">
        <v>9.5758213909346204E-2</v>
      </c>
    </row>
    <row r="104" spans="1:8" s="5" customFormat="1">
      <c r="A104" s="49" t="s">
        <v>444</v>
      </c>
      <c r="B104" s="80">
        <v>76</v>
      </c>
      <c r="C104" s="81">
        <v>79.731921153277739</v>
      </c>
      <c r="D104" s="82">
        <v>5.2966725743378413</v>
      </c>
      <c r="E104" s="296">
        <v>0.16694148609821213</v>
      </c>
      <c r="F104" s="297">
        <v>8.657005941766853E-2</v>
      </c>
      <c r="G104" s="296">
        <v>0.65522602868642033</v>
      </c>
      <c r="H104" s="297">
        <v>0.10683027525389606</v>
      </c>
    </row>
    <row r="105" spans="1:8" s="5" customFormat="1">
      <c r="A105" s="45" t="s">
        <v>445</v>
      </c>
      <c r="B105" s="77">
        <v>110</v>
      </c>
      <c r="C105" s="78">
        <v>69.456183607917524</v>
      </c>
      <c r="D105" s="79">
        <v>3.9416996309621366</v>
      </c>
      <c r="E105" s="293">
        <v>0.17211609821302681</v>
      </c>
      <c r="F105" s="294">
        <v>7.2524454340662681E-2</v>
      </c>
      <c r="G105" s="293">
        <v>0.4044937913380659</v>
      </c>
      <c r="H105" s="294">
        <v>9.2054033528649326E-2</v>
      </c>
    </row>
    <row r="106" spans="1:8" s="5" customFormat="1">
      <c r="A106" s="49" t="s">
        <v>453</v>
      </c>
      <c r="B106" s="80">
        <v>874</v>
      </c>
      <c r="C106" s="81">
        <v>73.030589372763984</v>
      </c>
      <c r="D106" s="82">
        <v>1.5312758811609208</v>
      </c>
      <c r="E106" s="296">
        <v>0.22282064782522526</v>
      </c>
      <c r="F106" s="297">
        <v>2.8144602450903583E-2</v>
      </c>
      <c r="G106" s="296">
        <v>0.52810836027618591</v>
      </c>
      <c r="H106" s="297">
        <v>3.3695480901924084E-2</v>
      </c>
    </row>
    <row r="107" spans="1:8">
      <c r="A107" s="45" t="s">
        <v>446</v>
      </c>
      <c r="B107" s="83">
        <v>102</v>
      </c>
      <c r="C107" s="84">
        <v>70.123215848302436</v>
      </c>
      <c r="D107" s="85">
        <v>4.6872135838288917</v>
      </c>
      <c r="E107" s="292">
        <v>0.28295093716417413</v>
      </c>
      <c r="F107" s="299">
        <v>8.8248814956565516E-2</v>
      </c>
      <c r="G107" s="292">
        <v>0.50584002772754189</v>
      </c>
      <c r="H107" s="299">
        <v>9.7122451311400987E-2</v>
      </c>
    </row>
    <row r="108" spans="1:8">
      <c r="A108" s="49" t="s">
        <v>447</v>
      </c>
      <c r="B108" s="80">
        <v>175</v>
      </c>
      <c r="C108" s="81">
        <v>76.99315198508306</v>
      </c>
      <c r="D108" s="82">
        <v>2.7748127024123264</v>
      </c>
      <c r="E108" s="296">
        <v>0.14133462307511535</v>
      </c>
      <c r="F108" s="297">
        <v>5.3282051465021622E-2</v>
      </c>
      <c r="G108" s="296">
        <v>0.58257551458550116</v>
      </c>
      <c r="H108" s="297">
        <v>7.3762812762525359E-2</v>
      </c>
    </row>
    <row r="109" spans="1:8">
      <c r="A109" s="57" t="s">
        <v>448</v>
      </c>
      <c r="B109" s="77">
        <v>220</v>
      </c>
      <c r="C109" s="78">
        <v>74.162546542663748</v>
      </c>
      <c r="D109" s="79">
        <v>2.965257194703133</v>
      </c>
      <c r="E109" s="293">
        <v>0.20432761142816486</v>
      </c>
      <c r="F109" s="294">
        <v>5.4391468231997066E-2</v>
      </c>
      <c r="G109" s="293">
        <v>0.54272281610860706</v>
      </c>
      <c r="H109" s="294">
        <v>6.65796201743937E-2</v>
      </c>
    </row>
    <row r="110" spans="1:8">
      <c r="A110" s="49" t="s">
        <v>449</v>
      </c>
      <c r="B110" s="80">
        <v>111</v>
      </c>
      <c r="C110" s="81">
        <v>70.03627979464278</v>
      </c>
      <c r="D110" s="82">
        <v>5.017631888337724</v>
      </c>
      <c r="E110" s="296">
        <v>0.2628476919168426</v>
      </c>
      <c r="F110" s="297">
        <v>8.2904486262273744E-2</v>
      </c>
      <c r="G110" s="296">
        <v>0.5071052986642508</v>
      </c>
      <c r="H110" s="297">
        <v>9.3241708463825762E-2</v>
      </c>
    </row>
    <row r="111" spans="1:8">
      <c r="A111" s="57" t="s">
        <v>450</v>
      </c>
      <c r="B111" s="77">
        <v>114</v>
      </c>
      <c r="C111" s="78">
        <v>67.674847187568943</v>
      </c>
      <c r="D111" s="79">
        <v>4.727720945584843</v>
      </c>
      <c r="E111" s="293">
        <v>0.30801374360574346</v>
      </c>
      <c r="F111" s="294">
        <v>8.5489184493663273E-2</v>
      </c>
      <c r="G111" s="293">
        <v>0.4737082697892564</v>
      </c>
      <c r="H111" s="294">
        <v>9.193859692903128E-2</v>
      </c>
    </row>
    <row r="112" spans="1:8">
      <c r="A112" s="49" t="s">
        <v>451</v>
      </c>
      <c r="B112" s="80">
        <v>152</v>
      </c>
      <c r="C112" s="81">
        <v>73.398526422215085</v>
      </c>
      <c r="D112" s="82">
        <v>3.6847954119856721</v>
      </c>
      <c r="E112" s="296">
        <v>0.24551890173320387</v>
      </c>
      <c r="F112" s="297">
        <v>6.9525470498965333E-2</v>
      </c>
      <c r="G112" s="296">
        <v>0.49441162709698949</v>
      </c>
      <c r="H112" s="297">
        <v>8.0059329136511689E-2</v>
      </c>
    </row>
    <row r="113" spans="1:23">
      <c r="A113" s="57" t="s">
        <v>457</v>
      </c>
      <c r="B113" s="77">
        <v>57</v>
      </c>
      <c r="C113" s="78">
        <v>63.046359855437771</v>
      </c>
      <c r="D113" s="79">
        <v>5.6500947415295926</v>
      </c>
      <c r="E113" s="293">
        <v>0.55487250270302468</v>
      </c>
      <c r="F113" s="294">
        <v>0.12736186874717179</v>
      </c>
      <c r="G113" s="293">
        <v>0.31376420024114238</v>
      </c>
      <c r="H113" s="294">
        <v>0.12003162998874767</v>
      </c>
    </row>
    <row r="114" spans="1:23">
      <c r="A114" s="49" t="s">
        <v>460</v>
      </c>
      <c r="B114" s="80">
        <v>53</v>
      </c>
      <c r="C114" s="81">
        <v>64.776447329758071</v>
      </c>
      <c r="D114" s="82">
        <v>6.9404317928944668</v>
      </c>
      <c r="E114" s="296">
        <v>0.3208023349848691</v>
      </c>
      <c r="F114" s="297">
        <v>0.12488225445504932</v>
      </c>
      <c r="G114" s="296">
        <v>0.34879075086462169</v>
      </c>
      <c r="H114" s="297">
        <v>0.12710878933698988</v>
      </c>
    </row>
    <row r="115" spans="1:23">
      <c r="A115" s="57" t="s">
        <v>458</v>
      </c>
      <c r="B115" s="77">
        <v>71</v>
      </c>
      <c r="C115" s="78">
        <v>69.625248141744549</v>
      </c>
      <c r="D115" s="79">
        <v>6.4562766079613141</v>
      </c>
      <c r="E115" s="293">
        <v>0.26221097727864789</v>
      </c>
      <c r="F115" s="294">
        <v>0.10310560667179194</v>
      </c>
      <c r="G115" s="293">
        <v>0.47678275309245038</v>
      </c>
      <c r="H115" s="294">
        <v>0.11535843823127162</v>
      </c>
    </row>
    <row r="116" spans="1:23" s="5" customFormat="1"/>
    <row r="117" spans="1:23" s="5" customFormat="1"/>
    <row r="119" spans="1:23" s="5" customFormat="1" ht="18.75">
      <c r="A119" s="322" t="s">
        <v>248</v>
      </c>
      <c r="B119" s="322"/>
      <c r="C119" s="322"/>
      <c r="D119" s="322"/>
      <c r="E119" s="322"/>
      <c r="F119" s="322"/>
      <c r="G119" s="322"/>
      <c r="H119" s="322"/>
      <c r="I119" s="322"/>
      <c r="J119" s="322"/>
      <c r="K119" s="322"/>
      <c r="L119" s="322"/>
      <c r="M119" s="322"/>
      <c r="N119" s="322"/>
      <c r="O119" s="322"/>
      <c r="P119" s="322"/>
      <c r="Q119" s="322"/>
      <c r="R119" s="322"/>
      <c r="S119" s="322"/>
      <c r="T119" s="322"/>
      <c r="U119" s="322"/>
      <c r="V119" s="322"/>
      <c r="W119" s="229"/>
    </row>
    <row r="120" spans="1:23" s="5" customFormat="1" ht="69.75" customHeight="1">
      <c r="A120" s="320" t="s">
        <v>288</v>
      </c>
      <c r="B120" s="320"/>
      <c r="C120" s="320"/>
      <c r="D120" s="320"/>
      <c r="E120" s="320"/>
      <c r="F120" s="320"/>
      <c r="G120" s="320"/>
      <c r="H120" s="320"/>
      <c r="I120" s="320"/>
      <c r="J120" s="320"/>
      <c r="K120" s="320"/>
      <c r="L120" s="320"/>
      <c r="M120" s="320"/>
      <c r="N120" s="320"/>
      <c r="O120" s="320"/>
      <c r="P120" s="320"/>
      <c r="Q120" s="320"/>
      <c r="R120" s="320"/>
      <c r="S120" s="320"/>
      <c r="T120" s="320"/>
      <c r="U120" s="320"/>
      <c r="V120" s="320"/>
    </row>
    <row r="121" spans="1:23" s="5" customFormat="1" ht="48.75" customHeight="1">
      <c r="A121" s="64" t="s">
        <v>287</v>
      </c>
      <c r="B121" s="323" t="s">
        <v>251</v>
      </c>
      <c r="C121" s="324"/>
      <c r="D121" s="324"/>
      <c r="E121" s="324"/>
      <c r="F121" s="324"/>
      <c r="G121" s="324"/>
      <c r="H121" s="325"/>
      <c r="I121" s="312" t="s">
        <v>250</v>
      </c>
      <c r="J121" s="313"/>
      <c r="K121" s="313"/>
      <c r="L121" s="313"/>
      <c r="M121" s="313"/>
      <c r="N121" s="313"/>
      <c r="O121" s="314"/>
      <c r="P121" s="312" t="s">
        <v>249</v>
      </c>
      <c r="Q121" s="313"/>
      <c r="R121" s="313"/>
      <c r="S121" s="313"/>
      <c r="T121" s="313"/>
      <c r="U121" s="313"/>
      <c r="V121" s="314"/>
    </row>
    <row r="122" spans="1:23" s="5" customFormat="1" ht="43.5" customHeight="1">
      <c r="A122" s="37" t="s">
        <v>85</v>
      </c>
      <c r="B122" s="65" t="s">
        <v>86</v>
      </c>
      <c r="C122" s="66" t="s">
        <v>87</v>
      </c>
      <c r="D122" s="67" t="s">
        <v>88</v>
      </c>
      <c r="E122" s="66" t="s">
        <v>410</v>
      </c>
      <c r="F122" s="67" t="s">
        <v>414</v>
      </c>
      <c r="G122" s="66" t="s">
        <v>412</v>
      </c>
      <c r="H122" s="67" t="s">
        <v>415</v>
      </c>
      <c r="I122" s="38" t="s">
        <v>86</v>
      </c>
      <c r="J122" s="39" t="s">
        <v>87</v>
      </c>
      <c r="K122" s="40" t="s">
        <v>88</v>
      </c>
      <c r="L122" s="38" t="s">
        <v>410</v>
      </c>
      <c r="M122" s="40" t="s">
        <v>414</v>
      </c>
      <c r="N122" s="39" t="s">
        <v>412</v>
      </c>
      <c r="O122" s="40" t="s">
        <v>414</v>
      </c>
      <c r="P122" s="65" t="s">
        <v>86</v>
      </c>
      <c r="Q122" s="66" t="s">
        <v>87</v>
      </c>
      <c r="R122" s="67" t="s">
        <v>88</v>
      </c>
      <c r="S122" s="65" t="s">
        <v>410</v>
      </c>
      <c r="T122" s="67" t="s">
        <v>414</v>
      </c>
      <c r="U122" s="66" t="s">
        <v>412</v>
      </c>
      <c r="V122" s="67" t="s">
        <v>414</v>
      </c>
    </row>
    <row r="123" spans="1:23" s="5" customFormat="1" ht="102" customHeight="1">
      <c r="A123" s="41"/>
      <c r="B123" s="68" t="s">
        <v>89</v>
      </c>
      <c r="C123" s="69" t="s">
        <v>291</v>
      </c>
      <c r="D123" s="70" t="s">
        <v>91</v>
      </c>
      <c r="E123" s="69" t="s">
        <v>411</v>
      </c>
      <c r="F123" s="70" t="s">
        <v>104</v>
      </c>
      <c r="G123" s="69" t="s">
        <v>413</v>
      </c>
      <c r="H123" s="70" t="s">
        <v>104</v>
      </c>
      <c r="I123" s="42" t="s">
        <v>89</v>
      </c>
      <c r="J123" s="43" t="s">
        <v>291</v>
      </c>
      <c r="K123" s="44" t="s">
        <v>91</v>
      </c>
      <c r="L123" s="42" t="s">
        <v>411</v>
      </c>
      <c r="M123" s="44" t="s">
        <v>104</v>
      </c>
      <c r="N123" s="128" t="s">
        <v>413</v>
      </c>
      <c r="O123" s="44" t="s">
        <v>104</v>
      </c>
      <c r="P123" s="68" t="s">
        <v>89</v>
      </c>
      <c r="Q123" s="69" t="s">
        <v>291</v>
      </c>
      <c r="R123" s="70" t="s">
        <v>91</v>
      </c>
      <c r="S123" s="68" t="s">
        <v>411</v>
      </c>
      <c r="T123" s="70" t="s">
        <v>104</v>
      </c>
      <c r="U123" s="274" t="s">
        <v>413</v>
      </c>
      <c r="V123" s="70" t="s">
        <v>104</v>
      </c>
    </row>
    <row r="124" spans="1:23" s="5" customFormat="1">
      <c r="A124" s="45" t="s">
        <v>436</v>
      </c>
      <c r="B124" s="71">
        <v>8491</v>
      </c>
      <c r="C124" s="72">
        <v>70.399518061868122</v>
      </c>
      <c r="D124" s="73">
        <v>0.53619615294243306</v>
      </c>
      <c r="E124" s="293">
        <v>0.23131496043345545</v>
      </c>
      <c r="F124" s="294">
        <v>9.1518179047843772E-3</v>
      </c>
      <c r="G124" s="293">
        <v>0.52110929631772962</v>
      </c>
      <c r="H124" s="294">
        <v>1.0840049934782769E-2</v>
      </c>
      <c r="I124" s="71">
        <v>8447</v>
      </c>
      <c r="J124" s="72">
        <v>70.267714083041696</v>
      </c>
      <c r="K124" s="73">
        <v>0.54635054899507263</v>
      </c>
      <c r="L124" s="293">
        <v>0.23848285544073899</v>
      </c>
      <c r="M124" s="294">
        <v>9.2730317625122349E-3</v>
      </c>
      <c r="N124" s="293">
        <v>0.5209637394983605</v>
      </c>
      <c r="O124" s="294">
        <v>1.0868365847424845E-2</v>
      </c>
      <c r="P124" s="71">
        <v>8449</v>
      </c>
      <c r="Q124" s="72">
        <v>71.782701149499644</v>
      </c>
      <c r="R124" s="73">
        <v>0.51698625336236859</v>
      </c>
      <c r="S124" s="293">
        <v>0.21020487256578041</v>
      </c>
      <c r="T124" s="294">
        <v>8.8655785948457411E-3</v>
      </c>
      <c r="U124" s="293">
        <v>0.54192800040856171</v>
      </c>
      <c r="V124" s="294">
        <v>1.0838362800324712E-2</v>
      </c>
    </row>
    <row r="125" spans="1:23" s="5" customFormat="1">
      <c r="A125" s="49" t="s">
        <v>437</v>
      </c>
      <c r="B125" s="74">
        <v>7899</v>
      </c>
      <c r="C125" s="75">
        <v>70.109020340270575</v>
      </c>
      <c r="D125" s="76">
        <v>0.56379391387449007</v>
      </c>
      <c r="E125" s="296">
        <v>0.23730527320594852</v>
      </c>
      <c r="F125" s="297">
        <v>9.572973216217074E-3</v>
      </c>
      <c r="G125" s="296">
        <v>0.51697043221518157</v>
      </c>
      <c r="H125" s="297">
        <v>1.1242268891900664E-2</v>
      </c>
      <c r="I125" s="74">
        <v>7856</v>
      </c>
      <c r="J125" s="75">
        <v>69.853980047782386</v>
      </c>
      <c r="K125" s="76">
        <v>0.5736991540951295</v>
      </c>
      <c r="L125" s="296">
        <v>0.24633941657954586</v>
      </c>
      <c r="M125" s="297">
        <v>9.7218774696788239E-3</v>
      </c>
      <c r="N125" s="296">
        <v>0.51553270193559531</v>
      </c>
      <c r="O125" s="297">
        <v>1.1274032417767699E-2</v>
      </c>
      <c r="P125" s="74">
        <v>7858</v>
      </c>
      <c r="Q125" s="75">
        <v>71.430504759033482</v>
      </c>
      <c r="R125" s="76">
        <v>0.54212618708031313</v>
      </c>
      <c r="S125" s="296">
        <v>0.21649141056625604</v>
      </c>
      <c r="T125" s="297">
        <v>9.292024433555382E-3</v>
      </c>
      <c r="U125" s="296">
        <v>0.5358577691871782</v>
      </c>
      <c r="V125" s="297">
        <v>1.124902615202634E-2</v>
      </c>
    </row>
    <row r="126" spans="1:23" s="5" customFormat="1">
      <c r="A126" s="45" t="s">
        <v>438</v>
      </c>
      <c r="B126" s="54">
        <v>761</v>
      </c>
      <c r="C126" s="55">
        <v>65.900000000000006</v>
      </c>
      <c r="D126" s="56">
        <v>1.8228</v>
      </c>
      <c r="E126" s="292">
        <v>0.28799999999999998</v>
      </c>
      <c r="F126" s="299">
        <v>3.2781692152615984E-2</v>
      </c>
      <c r="G126" s="292">
        <v>0.436</v>
      </c>
      <c r="H126" s="299">
        <v>3.5860785435346959E-2</v>
      </c>
      <c r="I126" s="54">
        <v>759</v>
      </c>
      <c r="J126" s="55">
        <v>64.900000000000006</v>
      </c>
      <c r="K126" s="56">
        <v>1.8815999999999999</v>
      </c>
      <c r="L126" s="292">
        <v>0.30599999999999999</v>
      </c>
      <c r="M126" s="299">
        <v>3.3397214344617086E-2</v>
      </c>
      <c r="N126" s="292">
        <v>0.42499999999999999</v>
      </c>
      <c r="O126" s="299">
        <v>3.5797143850661794E-2</v>
      </c>
      <c r="P126" s="54">
        <v>759</v>
      </c>
      <c r="Q126" s="55">
        <v>66.23</v>
      </c>
      <c r="R126" s="56">
        <v>1.8032000000000001</v>
      </c>
      <c r="S126" s="292">
        <v>0.27200000000000002</v>
      </c>
      <c r="T126" s="299">
        <v>3.2263627358025342E-2</v>
      </c>
      <c r="U126" s="292">
        <v>0.435</v>
      </c>
      <c r="V126" s="299">
        <v>3.5898442940051165E-2</v>
      </c>
    </row>
    <row r="127" spans="1:23" s="5" customFormat="1">
      <c r="A127" s="49" t="s">
        <v>439</v>
      </c>
      <c r="B127" s="74">
        <v>3250</v>
      </c>
      <c r="C127" s="75">
        <v>71.57630384697535</v>
      </c>
      <c r="D127" s="76">
        <v>0.83313230062608157</v>
      </c>
      <c r="E127" s="296">
        <v>0.21401092806737537</v>
      </c>
      <c r="F127" s="297">
        <v>1.4388208323179131E-2</v>
      </c>
      <c r="G127" s="296">
        <v>0.53912121715835637</v>
      </c>
      <c r="H127" s="297">
        <v>1.7476766234105393E-2</v>
      </c>
      <c r="I127" s="74">
        <v>3236</v>
      </c>
      <c r="J127" s="75">
        <v>71.081516876039757</v>
      </c>
      <c r="K127" s="76">
        <v>0.8574255160238009</v>
      </c>
      <c r="L127" s="296">
        <v>0.22438564559237165</v>
      </c>
      <c r="M127" s="297">
        <v>1.4666000637229714E-2</v>
      </c>
      <c r="N127" s="296">
        <v>0.53208995002381232</v>
      </c>
      <c r="O127" s="297">
        <v>1.7532079104812949E-2</v>
      </c>
      <c r="P127" s="74">
        <v>3233</v>
      </c>
      <c r="Q127" s="75">
        <v>72.794677252475253</v>
      </c>
      <c r="R127" s="76">
        <v>0.81375152160212383</v>
      </c>
      <c r="S127" s="296">
        <v>0.19985636824324829</v>
      </c>
      <c r="T127" s="297">
        <v>1.4067066684662524E-2</v>
      </c>
      <c r="U127" s="296">
        <v>0.57114716402691579</v>
      </c>
      <c r="V127" s="297">
        <v>1.7397942256865511E-2</v>
      </c>
    </row>
    <row r="128" spans="1:23" s="5" customFormat="1">
      <c r="A128" s="45" t="s">
        <v>440</v>
      </c>
      <c r="B128" s="54">
        <v>3019</v>
      </c>
      <c r="C128" s="55">
        <v>71.62</v>
      </c>
      <c r="D128" s="56">
        <v>0.82319999999999993</v>
      </c>
      <c r="E128" s="292">
        <v>0.21199999999999999</v>
      </c>
      <c r="F128" s="299">
        <v>1.4877395328013777E-2</v>
      </c>
      <c r="G128" s="292">
        <v>0.53800000000000003</v>
      </c>
      <c r="H128" s="299">
        <v>1.8135368471620873E-2</v>
      </c>
      <c r="I128" s="54">
        <v>3005</v>
      </c>
      <c r="J128" s="55">
        <v>71.2</v>
      </c>
      <c r="K128" s="56">
        <v>0.86239999999999994</v>
      </c>
      <c r="L128" s="292">
        <v>0.222</v>
      </c>
      <c r="M128" s="299">
        <v>1.5161535775109331E-2</v>
      </c>
      <c r="N128" s="292">
        <v>0.52900000000000003</v>
      </c>
      <c r="O128" s="299">
        <v>1.8199486678221466E-2</v>
      </c>
      <c r="P128" s="54">
        <v>3003</v>
      </c>
      <c r="Q128" s="55">
        <v>72.77</v>
      </c>
      <c r="R128" s="56">
        <v>0.80359999999999998</v>
      </c>
      <c r="S128" s="292">
        <v>0.19800000000000001</v>
      </c>
      <c r="T128" s="299">
        <v>1.4545022386889385E-2</v>
      </c>
      <c r="U128" s="292">
        <v>0.57199999999999995</v>
      </c>
      <c r="V128" s="299">
        <v>1.8046600529822838E-2</v>
      </c>
    </row>
    <row r="129" spans="1:22" s="5" customFormat="1">
      <c r="A129" s="49" t="s">
        <v>452</v>
      </c>
      <c r="B129" s="74">
        <v>521</v>
      </c>
      <c r="C129" s="75">
        <v>71.512253843991715</v>
      </c>
      <c r="D129" s="76">
        <v>2.1052013858729031</v>
      </c>
      <c r="E129" s="296">
        <v>0.21372499555467198</v>
      </c>
      <c r="F129" s="297">
        <v>3.5914255328851792E-2</v>
      </c>
      <c r="G129" s="296">
        <v>0.5410880486180264</v>
      </c>
      <c r="H129" s="297">
        <v>4.349821230125455E-2</v>
      </c>
      <c r="I129" s="74">
        <v>518</v>
      </c>
      <c r="J129" s="75">
        <v>71.509265150573682</v>
      </c>
      <c r="K129" s="76">
        <v>2.1397203186007538</v>
      </c>
      <c r="L129" s="296">
        <v>0.22590658681412884</v>
      </c>
      <c r="M129" s="297">
        <v>3.6726154893483479E-2</v>
      </c>
      <c r="N129" s="296">
        <v>0.52375929448498826</v>
      </c>
      <c r="O129" s="297">
        <v>4.3720122950638748E-2</v>
      </c>
      <c r="P129" s="74">
        <v>516</v>
      </c>
      <c r="Q129" s="75">
        <v>72.97524492189612</v>
      </c>
      <c r="R129" s="76">
        <v>2.0417369818402715</v>
      </c>
      <c r="S129" s="296">
        <v>0.19695248160005741</v>
      </c>
      <c r="T129" s="297">
        <v>3.5035109490191743E-2</v>
      </c>
      <c r="U129" s="296">
        <v>0.56797609101239666</v>
      </c>
      <c r="V129" s="297">
        <v>4.3452012972663837E-2</v>
      </c>
    </row>
    <row r="130" spans="1:22" s="5" customFormat="1">
      <c r="A130" s="45" t="s">
        <v>441</v>
      </c>
      <c r="B130" s="54">
        <v>137</v>
      </c>
      <c r="C130" s="55">
        <v>71.446595820170614</v>
      </c>
      <c r="D130" s="56">
        <v>4.2228318662215472</v>
      </c>
      <c r="E130" s="292">
        <v>0.19052581940190699</v>
      </c>
      <c r="F130" s="299">
        <v>6.7284229246421953E-2</v>
      </c>
      <c r="G130" s="292">
        <v>0.55643517969758527</v>
      </c>
      <c r="H130" s="299">
        <v>8.3707225768780313E-2</v>
      </c>
      <c r="I130" s="54">
        <v>136</v>
      </c>
      <c r="J130" s="55">
        <v>72.813338019232475</v>
      </c>
      <c r="K130" s="56">
        <v>3.9995833704068775</v>
      </c>
      <c r="L130" s="292">
        <v>0.18336140431372666</v>
      </c>
      <c r="M130" s="299">
        <v>6.6630601656055277E-2</v>
      </c>
      <c r="N130" s="292">
        <v>0.56377063946666606</v>
      </c>
      <c r="O130" s="299">
        <v>8.3864238646566835E-2</v>
      </c>
      <c r="P130" s="54">
        <v>137</v>
      </c>
      <c r="Q130" s="55">
        <v>75.45702328186583</v>
      </c>
      <c r="R130" s="56">
        <v>3.5850111709243029</v>
      </c>
      <c r="S130" s="292">
        <v>0.1508657380183514</v>
      </c>
      <c r="T130" s="299">
        <v>6.1867664957228251E-2</v>
      </c>
      <c r="U130" s="292">
        <v>0.63173084638446497</v>
      </c>
      <c r="V130" s="299">
        <v>8.1409147355888695E-2</v>
      </c>
    </row>
    <row r="131" spans="1:22" s="5" customFormat="1">
      <c r="A131" s="49" t="s">
        <v>442</v>
      </c>
      <c r="B131" s="74">
        <v>92</v>
      </c>
      <c r="C131" s="75">
        <v>68.382837895371864</v>
      </c>
      <c r="D131" s="76">
        <v>5.2528517886097932</v>
      </c>
      <c r="E131" s="296">
        <v>0.33421726457892043</v>
      </c>
      <c r="F131" s="297">
        <v>9.6772649326865717E-2</v>
      </c>
      <c r="G131" s="296">
        <v>0.459419701252126</v>
      </c>
      <c r="H131" s="297">
        <v>0.10175288907609081</v>
      </c>
      <c r="I131" s="74">
        <v>92</v>
      </c>
      <c r="J131" s="75">
        <v>68.479926968086872</v>
      </c>
      <c r="K131" s="76">
        <v>5.3777236160520596</v>
      </c>
      <c r="L131" s="296">
        <v>0.32327408030054544</v>
      </c>
      <c r="M131" s="297">
        <v>9.6028727882008641E-2</v>
      </c>
      <c r="N131" s="296">
        <v>0.47629973899348582</v>
      </c>
      <c r="O131" s="297">
        <v>0.10195671691569984</v>
      </c>
      <c r="P131" s="74">
        <v>91</v>
      </c>
      <c r="Q131" s="75">
        <v>67.79495197939255</v>
      </c>
      <c r="R131" s="76">
        <v>5.3473512004552388</v>
      </c>
      <c r="S131" s="296">
        <v>0.3027922184031735</v>
      </c>
      <c r="T131" s="297">
        <v>9.4993665590838675E-2</v>
      </c>
      <c r="U131" s="296">
        <v>0.471651222991603</v>
      </c>
      <c r="V131" s="297">
        <v>0.1024464117968058</v>
      </c>
    </row>
    <row r="132" spans="1:22" s="5" customFormat="1">
      <c r="A132" s="45" t="s">
        <v>443</v>
      </c>
      <c r="B132" s="54">
        <v>106</v>
      </c>
      <c r="C132" s="55">
        <v>71.12102421970819</v>
      </c>
      <c r="D132" s="56">
        <v>4.6337375784129016</v>
      </c>
      <c r="E132" s="292">
        <v>0.22303169446132495</v>
      </c>
      <c r="F132" s="299">
        <v>8.0626216149844984E-2</v>
      </c>
      <c r="G132" s="292">
        <v>0.56107174961377793</v>
      </c>
      <c r="H132" s="299">
        <v>9.4683504305446461E-2</v>
      </c>
      <c r="I132" s="54">
        <v>105</v>
      </c>
      <c r="J132" s="55">
        <v>70.412942591050523</v>
      </c>
      <c r="K132" s="56">
        <v>4.8963602942331921</v>
      </c>
      <c r="L132" s="292">
        <v>0.24902132031408786</v>
      </c>
      <c r="M132" s="299">
        <v>8.3840831106746172E-2</v>
      </c>
      <c r="N132" s="292">
        <v>0.51269095980706636</v>
      </c>
      <c r="O132" s="299">
        <v>9.5753993586631364E-2</v>
      </c>
      <c r="P132" s="54">
        <v>105</v>
      </c>
      <c r="Q132" s="55">
        <v>73.255389992284606</v>
      </c>
      <c r="R132" s="56">
        <v>4.5927084537544882</v>
      </c>
      <c r="S132" s="292">
        <v>0.20530271822712717</v>
      </c>
      <c r="T132" s="299">
        <v>7.8847340864957219E-2</v>
      </c>
      <c r="U132" s="292">
        <v>0.57696293113207375</v>
      </c>
      <c r="V132" s="299">
        <v>9.4723831803277245E-2</v>
      </c>
    </row>
    <row r="133" spans="1:22" s="5" customFormat="1">
      <c r="A133" s="49" t="s">
        <v>444</v>
      </c>
      <c r="B133" s="74">
        <v>76</v>
      </c>
      <c r="C133" s="75">
        <v>79.903332408547499</v>
      </c>
      <c r="D133" s="76">
        <v>5.3457501098179891</v>
      </c>
      <c r="E133" s="296">
        <v>0.14214373919729922</v>
      </c>
      <c r="F133" s="297">
        <v>8.1983185527701119E-2</v>
      </c>
      <c r="G133" s="296">
        <v>0.65505512355080686</v>
      </c>
      <c r="H133" s="297">
        <v>0.10684147428930191</v>
      </c>
      <c r="I133" s="74">
        <v>76</v>
      </c>
      <c r="J133" s="75">
        <v>80.597895679597485</v>
      </c>
      <c r="K133" s="76">
        <v>5.360501672907696</v>
      </c>
      <c r="L133" s="296">
        <v>0.16694148609821213</v>
      </c>
      <c r="M133" s="297">
        <v>8.657005941766853E-2</v>
      </c>
      <c r="N133" s="296">
        <v>0.65522602868642033</v>
      </c>
      <c r="O133" s="297">
        <v>0.10683027525389606</v>
      </c>
      <c r="P133" s="74">
        <v>75</v>
      </c>
      <c r="Q133" s="75">
        <v>78.421687924908511</v>
      </c>
      <c r="R133" s="76">
        <v>5.5032574065136037</v>
      </c>
      <c r="S133" s="296">
        <v>0.15576866551867199</v>
      </c>
      <c r="T133" s="297">
        <v>8.5150802421245564E-2</v>
      </c>
      <c r="U133" s="296">
        <v>0.6508587333769793</v>
      </c>
      <c r="V133" s="297">
        <v>0.1077944459578745</v>
      </c>
    </row>
    <row r="134" spans="1:22" s="5" customFormat="1">
      <c r="A134" s="45" t="s">
        <v>445</v>
      </c>
      <c r="B134" s="71">
        <v>110</v>
      </c>
      <c r="C134" s="72">
        <v>69.523847765463202</v>
      </c>
      <c r="D134" s="73">
        <v>4.1274571309948227</v>
      </c>
      <c r="E134" s="293">
        <v>0.14816710748391621</v>
      </c>
      <c r="F134" s="294">
        <v>6.8760448695294074E-2</v>
      </c>
      <c r="G134" s="293">
        <v>0.49264512246873571</v>
      </c>
      <c r="H134" s="294">
        <v>9.36491465036111E-2</v>
      </c>
      <c r="I134" s="71">
        <v>109</v>
      </c>
      <c r="J134" s="72">
        <v>68.193307838496708</v>
      </c>
      <c r="K134" s="73">
        <v>4.2669662244088196</v>
      </c>
      <c r="L134" s="293">
        <v>0.18031237037562384</v>
      </c>
      <c r="M134" s="294">
        <v>7.4050250841707146E-2</v>
      </c>
      <c r="N134" s="293">
        <v>0.44318735058545877</v>
      </c>
      <c r="O134" s="294">
        <v>9.3505342536441799E-2</v>
      </c>
      <c r="P134" s="71">
        <v>108</v>
      </c>
      <c r="Q134" s="72">
        <v>70.667779613300596</v>
      </c>
      <c r="R134" s="73">
        <v>4.1353185323343489</v>
      </c>
      <c r="S134" s="293">
        <v>0.16141518899454235</v>
      </c>
      <c r="T134" s="294">
        <v>7.1564818232535951E-2</v>
      </c>
      <c r="U134" s="293">
        <v>0.50806285876242963</v>
      </c>
      <c r="V134" s="294">
        <v>9.4479693762628117E-2</v>
      </c>
    </row>
    <row r="135" spans="1:22" s="5" customFormat="1">
      <c r="A135" s="49" t="s">
        <v>453</v>
      </c>
      <c r="B135" s="74">
        <v>876</v>
      </c>
      <c r="C135" s="75">
        <v>73.019604878917306</v>
      </c>
      <c r="D135" s="76">
        <v>1.5666285902438675</v>
      </c>
      <c r="E135" s="296">
        <v>0.21244102541261725</v>
      </c>
      <c r="F135" s="297">
        <v>2.7638893579207676E-2</v>
      </c>
      <c r="G135" s="296">
        <v>0.56447217510641556</v>
      </c>
      <c r="H135" s="297">
        <v>3.3431139579343939E-2</v>
      </c>
      <c r="I135" s="74">
        <v>873</v>
      </c>
      <c r="J135" s="75">
        <v>72.515567095167228</v>
      </c>
      <c r="K135" s="76">
        <v>1.6126282393814639</v>
      </c>
      <c r="L135" s="296">
        <v>0.21513489346445969</v>
      </c>
      <c r="M135" s="297">
        <v>2.7811912393343751E-2</v>
      </c>
      <c r="N135" s="296">
        <v>0.55096336500611642</v>
      </c>
      <c r="O135" s="297">
        <v>3.3593340659388342E-2</v>
      </c>
      <c r="P135" s="74">
        <v>873</v>
      </c>
      <c r="Q135" s="75">
        <v>73.48120493631852</v>
      </c>
      <c r="R135" s="76">
        <v>1.5225291408522046</v>
      </c>
      <c r="S135" s="296">
        <v>0.19204689320477189</v>
      </c>
      <c r="T135" s="297">
        <v>2.66766608015165E-2</v>
      </c>
      <c r="U135" s="296">
        <v>0.57287337365797142</v>
      </c>
      <c r="V135" s="297">
        <v>3.3410327138191906E-2</v>
      </c>
    </row>
    <row r="136" spans="1:22" s="5" customFormat="1">
      <c r="A136" s="45" t="s">
        <v>446</v>
      </c>
      <c r="B136" s="54">
        <v>102</v>
      </c>
      <c r="C136" s="55">
        <v>68.104278670457745</v>
      </c>
      <c r="D136" s="56">
        <v>4.7195027666479028</v>
      </c>
      <c r="E136" s="292">
        <v>0.28331771985827781</v>
      </c>
      <c r="F136" s="299">
        <v>8.8280303750663827E-2</v>
      </c>
      <c r="G136" s="292">
        <v>0.50769876248993873</v>
      </c>
      <c r="H136" s="299">
        <v>9.7117924415478382E-2</v>
      </c>
      <c r="I136" s="54">
        <v>102</v>
      </c>
      <c r="J136" s="55">
        <v>69.603905127016986</v>
      </c>
      <c r="K136" s="56">
        <v>5.0153678836079711</v>
      </c>
      <c r="L136" s="292">
        <v>0.23170836670533654</v>
      </c>
      <c r="M136" s="299">
        <v>8.3179638038125586E-2</v>
      </c>
      <c r="N136" s="292">
        <v>0.55637206892880409</v>
      </c>
      <c r="O136" s="299">
        <v>9.655529247678013E-2</v>
      </c>
      <c r="P136" s="54">
        <v>100</v>
      </c>
      <c r="Q136" s="55">
        <v>72.197310705500911</v>
      </c>
      <c r="R136" s="56">
        <v>4.6985307928120381</v>
      </c>
      <c r="S136" s="292">
        <v>0.24131068058695532</v>
      </c>
      <c r="T136" s="299">
        <v>8.5062996252464856E-2</v>
      </c>
      <c r="U136" s="292">
        <v>0.56453273086215627</v>
      </c>
      <c r="V136" s="299">
        <v>9.7300033656404536E-2</v>
      </c>
    </row>
    <row r="137" spans="1:22" s="5" customFormat="1">
      <c r="A137" s="49" t="s">
        <v>447</v>
      </c>
      <c r="B137" s="74">
        <v>175</v>
      </c>
      <c r="C137" s="75">
        <v>76.440689707980823</v>
      </c>
      <c r="D137" s="76">
        <v>2.9037499493524752</v>
      </c>
      <c r="E137" s="296">
        <v>0.14269001361660363</v>
      </c>
      <c r="F137" s="297">
        <v>5.3476201764864291E-2</v>
      </c>
      <c r="G137" s="296">
        <v>0.62210587488394575</v>
      </c>
      <c r="H137" s="297">
        <v>7.2581923925008382E-2</v>
      </c>
      <c r="I137" s="74">
        <v>175</v>
      </c>
      <c r="J137" s="75">
        <v>76.971064159633102</v>
      </c>
      <c r="K137" s="76">
        <v>3.0217382734010192</v>
      </c>
      <c r="L137" s="296">
        <v>0.13999626897216524</v>
      </c>
      <c r="M137" s="297">
        <v>5.3088919622643456E-2</v>
      </c>
      <c r="N137" s="296">
        <v>0.58560713217531335</v>
      </c>
      <c r="O137" s="297">
        <v>7.3688957302682379E-2</v>
      </c>
      <c r="P137" s="74">
        <v>176</v>
      </c>
      <c r="Q137" s="75">
        <v>77.570086420709387</v>
      </c>
      <c r="R137" s="76">
        <v>2.6374236819065695</v>
      </c>
      <c r="S137" s="296">
        <v>0.13387685180644496</v>
      </c>
      <c r="T137" s="297">
        <v>5.2035298237019412E-2</v>
      </c>
      <c r="U137" s="296">
        <v>0.65195937262180015</v>
      </c>
      <c r="V137" s="297">
        <v>7.116853883326113E-2</v>
      </c>
    </row>
    <row r="138" spans="1:22" s="5" customFormat="1">
      <c r="A138" s="57" t="s">
        <v>448</v>
      </c>
      <c r="B138" s="71">
        <v>221</v>
      </c>
      <c r="C138" s="72">
        <v>74.759753500266271</v>
      </c>
      <c r="D138" s="73">
        <v>3.0157319267100151</v>
      </c>
      <c r="E138" s="293">
        <v>0.19097285842940462</v>
      </c>
      <c r="F138" s="294">
        <v>5.2976727834370997E-2</v>
      </c>
      <c r="G138" s="293">
        <v>0.57897823815407223</v>
      </c>
      <c r="H138" s="294">
        <v>6.5859412084466065E-2</v>
      </c>
      <c r="I138" s="71">
        <v>220</v>
      </c>
      <c r="J138" s="72">
        <v>73.51010523359686</v>
      </c>
      <c r="K138" s="73">
        <v>3.159676428216605</v>
      </c>
      <c r="L138" s="293">
        <v>0.18708734692786624</v>
      </c>
      <c r="M138" s="294">
        <v>5.2703921846476424E-2</v>
      </c>
      <c r="N138" s="293">
        <v>0.56104254025216049</v>
      </c>
      <c r="O138" s="294">
        <v>6.6333262820129205E-2</v>
      </c>
      <c r="P138" s="71">
        <v>220</v>
      </c>
      <c r="Q138" s="72">
        <v>74.219627794314533</v>
      </c>
      <c r="R138" s="73">
        <v>2.9027545132946702</v>
      </c>
      <c r="S138" s="293">
        <v>0.1659666115705607</v>
      </c>
      <c r="T138" s="294">
        <v>5.0421625010526702E-2</v>
      </c>
      <c r="U138" s="293">
        <v>0.56963582194858875</v>
      </c>
      <c r="V138" s="294">
        <v>6.6187300500653773E-2</v>
      </c>
    </row>
    <row r="139" spans="1:22" s="5" customFormat="1">
      <c r="A139" s="49" t="s">
        <v>449</v>
      </c>
      <c r="B139" s="74">
        <v>112</v>
      </c>
      <c r="C139" s="75">
        <v>69.889226322569002</v>
      </c>
      <c r="D139" s="76">
        <v>5.1215955619453561</v>
      </c>
      <c r="E139" s="296">
        <v>0.25479181691898667</v>
      </c>
      <c r="F139" s="297">
        <v>8.1779380579616562E-2</v>
      </c>
      <c r="G139" s="296">
        <v>0.55186824480685404</v>
      </c>
      <c r="H139" s="297">
        <v>9.2380775949561247E-2</v>
      </c>
      <c r="I139" s="74">
        <v>110</v>
      </c>
      <c r="J139" s="75">
        <v>67.935731882469668</v>
      </c>
      <c r="K139" s="76">
        <v>5.2220522384208818</v>
      </c>
      <c r="L139" s="296">
        <v>0.30119860099958967</v>
      </c>
      <c r="M139" s="297">
        <v>8.6491622096607018E-2</v>
      </c>
      <c r="N139" s="296">
        <v>0.50936832925421072</v>
      </c>
      <c r="O139" s="297">
        <v>9.3643273349625217E-2</v>
      </c>
      <c r="P139" s="74">
        <v>111</v>
      </c>
      <c r="Q139" s="75">
        <v>71.785395583698033</v>
      </c>
      <c r="R139" s="76">
        <v>4.9249441634618041</v>
      </c>
      <c r="S139" s="296">
        <v>0.21627391758297052</v>
      </c>
      <c r="T139" s="297">
        <v>7.8019429538922713E-2</v>
      </c>
      <c r="U139" s="296">
        <v>0.55656639677548869</v>
      </c>
      <c r="V139" s="297">
        <v>9.2692847320739291E-2</v>
      </c>
    </row>
    <row r="140" spans="1:22" s="5" customFormat="1">
      <c r="A140" s="57" t="s">
        <v>450</v>
      </c>
      <c r="B140" s="71">
        <v>114</v>
      </c>
      <c r="C140" s="72">
        <v>68.207552017557816</v>
      </c>
      <c r="D140" s="73">
        <v>4.8349329679560729</v>
      </c>
      <c r="E140" s="293">
        <v>0.30784695109578952</v>
      </c>
      <c r="F140" s="294">
        <v>8.5477327409251611E-2</v>
      </c>
      <c r="G140" s="293">
        <v>0.50565974977470896</v>
      </c>
      <c r="H140" s="294">
        <v>9.2051956982455191E-2</v>
      </c>
      <c r="I140" s="71">
        <v>114</v>
      </c>
      <c r="J140" s="72">
        <v>67.333909280895242</v>
      </c>
      <c r="K140" s="73">
        <v>4.8564991449699022</v>
      </c>
      <c r="L140" s="293">
        <v>0.30784695109578952</v>
      </c>
      <c r="M140" s="294">
        <v>8.5477327409251611E-2</v>
      </c>
      <c r="N140" s="293">
        <v>0.47756270192555594</v>
      </c>
      <c r="O140" s="294">
        <v>9.1970909212386889E-2</v>
      </c>
      <c r="P140" s="71">
        <v>114</v>
      </c>
      <c r="Q140" s="72">
        <v>67.483080195133866</v>
      </c>
      <c r="R140" s="73">
        <v>4.9496068647735578</v>
      </c>
      <c r="S140" s="293">
        <v>0.30796965149027961</v>
      </c>
      <c r="T140" s="294">
        <v>8.5486051197833202E-2</v>
      </c>
      <c r="U140" s="293">
        <v>0.49573278935713516</v>
      </c>
      <c r="V140" s="294">
        <v>9.2054332612148487E-2</v>
      </c>
    </row>
    <row r="141" spans="1:22" s="5" customFormat="1">
      <c r="A141" s="49" t="s">
        <v>451</v>
      </c>
      <c r="B141" s="74">
        <v>152</v>
      </c>
      <c r="C141" s="75">
        <v>73.525915897832874</v>
      </c>
      <c r="D141" s="76">
        <v>3.7683414277604004</v>
      </c>
      <c r="E141" s="296">
        <v>0.20684548356856025</v>
      </c>
      <c r="F141" s="297">
        <v>6.5713263099242358E-2</v>
      </c>
      <c r="G141" s="296">
        <v>0.53906130583578216</v>
      </c>
      <c r="H141" s="297">
        <v>7.9831787360887668E-2</v>
      </c>
      <c r="I141" s="74">
        <v>152</v>
      </c>
      <c r="J141" s="75">
        <v>73.331975506773603</v>
      </c>
      <c r="K141" s="76">
        <v>3.7794788746559447</v>
      </c>
      <c r="L141" s="296">
        <v>0.22501392536989234</v>
      </c>
      <c r="M141" s="297">
        <v>6.7598125369927584E-2</v>
      </c>
      <c r="N141" s="296">
        <v>0.57650751837796543</v>
      </c>
      <c r="O141" s="297">
        <v>7.9169232177601814E-2</v>
      </c>
      <c r="P141" s="74">
        <v>152</v>
      </c>
      <c r="Q141" s="75">
        <v>73.337687115546601</v>
      </c>
      <c r="R141" s="76">
        <v>3.7132444901070589</v>
      </c>
      <c r="S141" s="296">
        <v>0.18109730137209429</v>
      </c>
      <c r="T141" s="297">
        <v>6.2726417656755754E-2</v>
      </c>
      <c r="U141" s="296">
        <v>0.54701624769600554</v>
      </c>
      <c r="V141" s="297">
        <v>7.9727320463185425E-2</v>
      </c>
    </row>
    <row r="142" spans="1:22" s="5" customFormat="1">
      <c r="A142" s="57" t="s">
        <v>457</v>
      </c>
      <c r="B142" s="71">
        <v>57</v>
      </c>
      <c r="C142" s="72">
        <v>63.360876460177174</v>
      </c>
      <c r="D142" s="73">
        <v>6.5135534718922159</v>
      </c>
      <c r="E142" s="293">
        <v>0.3684462819002764</v>
      </c>
      <c r="F142" s="294">
        <v>0.12410701159579135</v>
      </c>
      <c r="G142" s="293">
        <v>0.30508138285268172</v>
      </c>
      <c r="H142" s="294">
        <v>0.11923969200657873</v>
      </c>
      <c r="I142" s="71">
        <v>57</v>
      </c>
      <c r="J142" s="72">
        <v>62.299564921971509</v>
      </c>
      <c r="K142" s="73">
        <v>6.1360630841030117</v>
      </c>
      <c r="L142" s="293">
        <v>0.36484155170558141</v>
      </c>
      <c r="M142" s="294">
        <v>0.12388503968113969</v>
      </c>
      <c r="N142" s="293">
        <v>0.35370182503846559</v>
      </c>
      <c r="O142" s="294">
        <v>0.12315837689367508</v>
      </c>
      <c r="P142" s="71">
        <v>56</v>
      </c>
      <c r="Q142" s="72">
        <v>63.256549559382783</v>
      </c>
      <c r="R142" s="73">
        <v>5.9997801441095016</v>
      </c>
      <c r="S142" s="293">
        <v>0.40994667981661959</v>
      </c>
      <c r="T142" s="294">
        <v>0.12726236335975127</v>
      </c>
      <c r="U142" s="293">
        <v>0.37096699285356743</v>
      </c>
      <c r="V142" s="294">
        <v>0.12529868868822003</v>
      </c>
    </row>
    <row r="143" spans="1:22" s="5" customFormat="1">
      <c r="A143" s="49" t="s">
        <v>460</v>
      </c>
      <c r="B143" s="74">
        <v>53</v>
      </c>
      <c r="C143" s="75">
        <v>66.429934731432965</v>
      </c>
      <c r="D143" s="76">
        <v>6.5877505679810726</v>
      </c>
      <c r="E143" s="296">
        <v>0.3208023349848691</v>
      </c>
      <c r="F143" s="297">
        <v>0.12488225445504932</v>
      </c>
      <c r="G143" s="296">
        <v>0.38409531223522442</v>
      </c>
      <c r="H143" s="297">
        <v>0.12933986402487463</v>
      </c>
      <c r="I143" s="74">
        <v>53</v>
      </c>
      <c r="J143" s="75">
        <v>61.056289039761879</v>
      </c>
      <c r="K143" s="76">
        <v>7.9045380712110456</v>
      </c>
      <c r="L143" s="296">
        <v>0.298660640667396</v>
      </c>
      <c r="M143" s="297">
        <v>0.12281845409838499</v>
      </c>
      <c r="N143" s="296">
        <v>0.34915762617440671</v>
      </c>
      <c r="O143" s="297">
        <v>0.12713523388022913</v>
      </c>
      <c r="P143" s="74">
        <v>53</v>
      </c>
      <c r="Q143" s="75">
        <v>66.843118022392559</v>
      </c>
      <c r="R143" s="76">
        <v>6.8058041189141951</v>
      </c>
      <c r="S143" s="296">
        <v>0.29902751597718102</v>
      </c>
      <c r="T143" s="297">
        <v>0.12285490517852657</v>
      </c>
      <c r="U143" s="296">
        <v>0.44480368154249161</v>
      </c>
      <c r="V143" s="297">
        <v>0.13175361393760637</v>
      </c>
    </row>
    <row r="144" spans="1:22" s="5" customFormat="1">
      <c r="A144" s="57" t="s">
        <v>458</v>
      </c>
      <c r="B144" s="71">
        <v>71</v>
      </c>
      <c r="C144" s="72">
        <v>69.25903601811919</v>
      </c>
      <c r="D144" s="73">
        <v>6.4383860453502715</v>
      </c>
      <c r="E144" s="293">
        <v>0.22064093424344519</v>
      </c>
      <c r="F144" s="294">
        <v>9.7996177626109557E-2</v>
      </c>
      <c r="G144" s="293">
        <v>0.51330590594120673</v>
      </c>
      <c r="H144" s="294">
        <v>0.11543340574694685</v>
      </c>
      <c r="I144" s="71">
        <v>71</v>
      </c>
      <c r="J144" s="72">
        <v>69.63789054017542</v>
      </c>
      <c r="K144" s="73">
        <v>6.7383590227553674</v>
      </c>
      <c r="L144" s="293">
        <v>0.26221097727864789</v>
      </c>
      <c r="M144" s="294">
        <v>0.10310560667179194</v>
      </c>
      <c r="N144" s="293">
        <v>0.56944423611370953</v>
      </c>
      <c r="O144" s="294">
        <v>0.11446762125889663</v>
      </c>
      <c r="P144" s="71">
        <v>71</v>
      </c>
      <c r="Q144" s="72">
        <v>69.978819617378235</v>
      </c>
      <c r="R144" s="73">
        <v>6.5340722281979957</v>
      </c>
      <c r="S144" s="293">
        <v>0.26221097727864789</v>
      </c>
      <c r="T144" s="294">
        <v>0.10310560667179194</v>
      </c>
      <c r="U144" s="293">
        <v>0.55551901458506991</v>
      </c>
      <c r="V144" s="294">
        <v>0.11483034595116144</v>
      </c>
    </row>
    <row r="145" s="5" customFormat="1"/>
    <row r="146" s="5" customFormat="1"/>
  </sheetData>
  <mergeCells count="23">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6"/>
  <sheetViews>
    <sheetView zoomScaleNormal="100" workbookViewId="0"/>
  </sheetViews>
  <sheetFormatPr defaultColWidth="18" defaultRowHeight="15"/>
  <cols>
    <col min="1" max="1" width="42.140625" style="5" customWidth="1"/>
    <col min="2" max="4" width="19.42578125" style="5" customWidth="1"/>
    <col min="5" max="8" width="18" style="5"/>
    <col min="9" max="9" width="19.85546875" style="5" customWidth="1"/>
    <col min="10" max="16384" width="18" style="5"/>
  </cols>
  <sheetData>
    <row r="1" spans="1:43" ht="28.5">
      <c r="A1" s="36" t="s">
        <v>64</v>
      </c>
      <c r="P1" s="229"/>
      <c r="Q1" s="229"/>
      <c r="R1" s="229"/>
      <c r="S1" s="229"/>
      <c r="T1" s="229"/>
      <c r="U1" s="229"/>
      <c r="V1" s="229"/>
      <c r="W1" s="229"/>
      <c r="X1" s="229"/>
      <c r="Y1" s="229"/>
      <c r="Z1" s="229"/>
      <c r="AA1" s="229"/>
      <c r="AB1" s="229"/>
      <c r="AC1" s="229"/>
      <c r="AD1" s="229"/>
      <c r="AE1" s="229"/>
      <c r="AF1" s="229"/>
      <c r="AG1" s="229"/>
      <c r="AH1" s="229"/>
      <c r="AI1" s="229"/>
      <c r="AJ1" s="229"/>
      <c r="AK1" s="229"/>
    </row>
    <row r="2" spans="1:43">
      <c r="P2" s="229"/>
      <c r="Q2" s="229"/>
      <c r="R2" s="229"/>
      <c r="S2" s="229"/>
      <c r="T2" s="229"/>
      <c r="U2" s="229"/>
      <c r="V2" s="229"/>
      <c r="W2" s="229"/>
      <c r="X2" s="229"/>
      <c r="Y2" s="229"/>
      <c r="Z2" s="229"/>
      <c r="AA2" s="229"/>
      <c r="AB2" s="229"/>
      <c r="AC2" s="229"/>
      <c r="AD2" s="229"/>
      <c r="AE2" s="229"/>
      <c r="AF2" s="229"/>
      <c r="AG2" s="229"/>
      <c r="AH2" s="229"/>
      <c r="AI2" s="229"/>
      <c r="AJ2" s="229"/>
      <c r="AK2" s="229"/>
    </row>
    <row r="3" spans="1:43" ht="18.75">
      <c r="A3" s="329" t="s">
        <v>33</v>
      </c>
      <c r="B3" s="329"/>
      <c r="C3" s="329"/>
      <c r="D3" s="329"/>
      <c r="E3" s="329"/>
      <c r="F3" s="329"/>
      <c r="G3" s="329"/>
      <c r="H3" s="329"/>
      <c r="I3" s="329"/>
      <c r="J3" s="329"/>
      <c r="K3" s="329"/>
      <c r="L3" s="329"/>
      <c r="M3" s="329"/>
      <c r="N3" s="329"/>
      <c r="O3" s="329"/>
      <c r="P3" s="329"/>
      <c r="Q3" s="329"/>
      <c r="R3" s="329"/>
      <c r="S3" s="329"/>
      <c r="T3" s="329"/>
      <c r="U3" s="329"/>
      <c r="V3" s="329"/>
      <c r="W3" s="329"/>
      <c r="X3" s="268"/>
      <c r="Y3" s="268"/>
      <c r="Z3" s="268"/>
      <c r="AA3" s="268"/>
      <c r="AB3" s="268"/>
      <c r="AC3" s="268"/>
      <c r="AD3" s="268"/>
      <c r="AE3" s="268"/>
      <c r="AF3" s="268"/>
      <c r="AG3" s="268"/>
      <c r="AH3" s="268"/>
      <c r="AI3" s="268"/>
      <c r="AJ3" s="268"/>
      <c r="AK3" s="229"/>
    </row>
    <row r="4" spans="1:43" ht="62.25" customHeight="1">
      <c r="A4" s="328" t="s">
        <v>381</v>
      </c>
      <c r="B4" s="328"/>
      <c r="C4" s="328"/>
      <c r="D4" s="328"/>
      <c r="E4" s="328"/>
      <c r="F4" s="328"/>
      <c r="G4" s="328"/>
      <c r="H4" s="328"/>
      <c r="I4" s="328"/>
      <c r="J4" s="328"/>
      <c r="K4" s="328"/>
      <c r="L4" s="328"/>
      <c r="M4" s="328"/>
      <c r="N4" s="328"/>
      <c r="O4" s="328"/>
      <c r="P4" s="328"/>
      <c r="Q4" s="328"/>
      <c r="R4" s="328"/>
      <c r="S4" s="328"/>
      <c r="T4" s="328"/>
      <c r="U4" s="328"/>
      <c r="V4" s="328"/>
      <c r="W4" s="328"/>
      <c r="X4" s="266"/>
      <c r="Y4" s="266"/>
      <c r="Z4" s="266"/>
      <c r="AA4" s="266"/>
      <c r="AB4" s="266"/>
      <c r="AC4" s="267"/>
      <c r="AD4" s="266"/>
      <c r="AE4" s="266"/>
      <c r="AF4" s="266"/>
      <c r="AG4" s="266"/>
      <c r="AH4" s="266"/>
      <c r="AI4" s="266"/>
      <c r="AJ4" s="266"/>
      <c r="AK4" s="229"/>
    </row>
    <row r="5" spans="1:43" ht="39.75" customHeight="1">
      <c r="A5" s="64"/>
      <c r="B5" s="334" t="s">
        <v>100</v>
      </c>
      <c r="C5" s="335"/>
      <c r="D5" s="335"/>
      <c r="E5" s="335"/>
      <c r="F5" s="335"/>
      <c r="G5" s="335"/>
      <c r="H5" s="335"/>
      <c r="I5" s="335"/>
      <c r="J5" s="335"/>
      <c r="K5" s="335"/>
      <c r="L5" s="336"/>
      <c r="M5" s="337" t="s">
        <v>252</v>
      </c>
      <c r="N5" s="338"/>
      <c r="O5" s="338"/>
      <c r="P5" s="338"/>
      <c r="Q5" s="338"/>
      <c r="R5" s="338"/>
      <c r="S5" s="338"/>
      <c r="T5" s="338"/>
      <c r="U5" s="338"/>
      <c r="V5" s="338"/>
      <c r="W5" s="338"/>
      <c r="X5" s="229"/>
      <c r="Y5" s="229"/>
      <c r="Z5" s="229"/>
      <c r="AA5" s="229"/>
      <c r="AB5" s="229"/>
      <c r="AC5" s="229"/>
      <c r="AD5" s="229"/>
      <c r="AE5" s="229"/>
      <c r="AF5" s="229"/>
      <c r="AG5" s="229"/>
      <c r="AH5" s="229"/>
      <c r="AI5" s="229"/>
      <c r="AJ5" s="229"/>
      <c r="AK5" s="229"/>
      <c r="AL5" s="229"/>
      <c r="AM5" s="229"/>
      <c r="AN5" s="229"/>
      <c r="AO5" s="229"/>
    </row>
    <row r="6" spans="1:43" ht="72">
      <c r="A6" s="37" t="s">
        <v>85</v>
      </c>
      <c r="B6" s="38" t="s">
        <v>86</v>
      </c>
      <c r="C6" s="39" t="s">
        <v>87</v>
      </c>
      <c r="D6" s="40" t="s">
        <v>88</v>
      </c>
      <c r="E6" s="38" t="s">
        <v>178</v>
      </c>
      <c r="F6" s="89" t="s">
        <v>101</v>
      </c>
      <c r="G6" s="38" t="s">
        <v>179</v>
      </c>
      <c r="H6" s="89" t="s">
        <v>102</v>
      </c>
      <c r="I6" s="38" t="s">
        <v>180</v>
      </c>
      <c r="J6" s="89" t="s">
        <v>103</v>
      </c>
      <c r="K6" s="38" t="s">
        <v>357</v>
      </c>
      <c r="L6" s="89" t="s">
        <v>356</v>
      </c>
      <c r="M6" s="65" t="s">
        <v>86</v>
      </c>
      <c r="N6" s="65" t="s">
        <v>87</v>
      </c>
      <c r="O6" s="65" t="s">
        <v>88</v>
      </c>
      <c r="P6" s="65" t="s">
        <v>178</v>
      </c>
      <c r="Q6" s="88" t="s">
        <v>101</v>
      </c>
      <c r="R6" s="65" t="s">
        <v>179</v>
      </c>
      <c r="S6" s="88" t="s">
        <v>102</v>
      </c>
      <c r="T6" s="65" t="s">
        <v>180</v>
      </c>
      <c r="U6" s="88" t="s">
        <v>103</v>
      </c>
      <c r="V6" s="65" t="s">
        <v>357</v>
      </c>
      <c r="W6" s="88" t="s">
        <v>356</v>
      </c>
      <c r="X6" s="229"/>
      <c r="Y6" s="229"/>
      <c r="Z6" s="229"/>
      <c r="AA6" s="229"/>
      <c r="AB6" s="229"/>
      <c r="AC6" s="229"/>
      <c r="AD6" s="229"/>
      <c r="AE6" s="229"/>
      <c r="AF6" s="229"/>
      <c r="AG6" s="229"/>
      <c r="AH6" s="229"/>
      <c r="AI6" s="229"/>
      <c r="AJ6" s="229"/>
      <c r="AK6" s="229"/>
      <c r="AL6" s="229"/>
      <c r="AM6" s="229"/>
      <c r="AN6" s="229"/>
      <c r="AO6" s="229"/>
      <c r="AP6" s="229"/>
      <c r="AQ6" s="229"/>
    </row>
    <row r="7" spans="1:43" ht="92.25" customHeight="1">
      <c r="A7" s="41"/>
      <c r="B7" s="42" t="s">
        <v>89</v>
      </c>
      <c r="C7" s="43" t="s">
        <v>358</v>
      </c>
      <c r="D7" s="44" t="s">
        <v>91</v>
      </c>
      <c r="E7" s="42" t="s">
        <v>181</v>
      </c>
      <c r="F7" s="91" t="s">
        <v>104</v>
      </c>
      <c r="G7" s="42" t="s">
        <v>182</v>
      </c>
      <c r="H7" s="91" t="s">
        <v>104</v>
      </c>
      <c r="I7" s="42" t="s">
        <v>183</v>
      </c>
      <c r="J7" s="91" t="s">
        <v>104</v>
      </c>
      <c r="K7" s="42" t="s">
        <v>357</v>
      </c>
      <c r="L7" s="91" t="s">
        <v>104</v>
      </c>
      <c r="M7" s="68" t="s">
        <v>89</v>
      </c>
      <c r="N7" s="68" t="s">
        <v>358</v>
      </c>
      <c r="O7" s="68" t="s">
        <v>91</v>
      </c>
      <c r="P7" s="68" t="s">
        <v>181</v>
      </c>
      <c r="Q7" s="90" t="s">
        <v>104</v>
      </c>
      <c r="R7" s="68" t="s">
        <v>182</v>
      </c>
      <c r="S7" s="90" t="s">
        <v>104</v>
      </c>
      <c r="T7" s="68" t="s">
        <v>183</v>
      </c>
      <c r="U7" s="90" t="s">
        <v>104</v>
      </c>
      <c r="V7" s="68" t="s">
        <v>357</v>
      </c>
      <c r="W7" s="90" t="s">
        <v>104</v>
      </c>
    </row>
    <row r="8" spans="1:43">
      <c r="A8" s="45" t="s">
        <v>436</v>
      </c>
      <c r="B8" s="100">
        <v>9381</v>
      </c>
      <c r="C8" s="101">
        <v>5.2260135235325373</v>
      </c>
      <c r="D8" s="102">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1">
        <v>5.5</v>
      </c>
      <c r="O8" s="102">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7</v>
      </c>
      <c r="B9" s="104">
        <v>8740</v>
      </c>
      <c r="C9" s="105">
        <v>5.2</v>
      </c>
      <c r="D9" s="106">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5">
        <v>5.5</v>
      </c>
      <c r="O9" s="106">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45" t="s">
        <v>438</v>
      </c>
      <c r="B10" s="100">
        <v>839</v>
      </c>
      <c r="C10" s="101">
        <v>5</v>
      </c>
      <c r="D10" s="102">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1">
        <v>5</v>
      </c>
      <c r="O10" s="102">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9</v>
      </c>
      <c r="B11" s="104">
        <v>3541</v>
      </c>
      <c r="C11" s="105">
        <v>5.3463686712475722</v>
      </c>
      <c r="D11" s="106">
        <v>3.9199999999999999E-2</v>
      </c>
      <c r="E11" s="96">
        <v>8.2080142376591336E-2</v>
      </c>
      <c r="F11" s="97">
        <v>9.2443353526867993E-3</v>
      </c>
      <c r="G11" s="96">
        <v>0.11460564541857535</v>
      </c>
      <c r="H11" s="97">
        <v>1.0717881779928528E-2</v>
      </c>
      <c r="I11" s="96">
        <v>0.75255907188460247</v>
      </c>
      <c r="J11" s="97">
        <v>1.4500922786788066E-2</v>
      </c>
      <c r="K11" s="96">
        <v>5.0755140320236321E-2</v>
      </c>
      <c r="L11" s="97">
        <v>7.4078636476266621E-3</v>
      </c>
      <c r="M11" s="95">
        <v>3546</v>
      </c>
      <c r="N11" s="105">
        <v>5.6</v>
      </c>
      <c r="O11" s="106">
        <v>3.9199999999999999E-2</v>
      </c>
      <c r="P11" s="96">
        <v>8.5999999999999993E-2</v>
      </c>
      <c r="Q11" s="97">
        <v>9.4341320330140321E-3</v>
      </c>
      <c r="R11" s="96">
        <v>0.106</v>
      </c>
      <c r="S11" s="97">
        <v>1.0352308337248978E-2</v>
      </c>
      <c r="T11" s="96">
        <v>0.79600000000000004</v>
      </c>
      <c r="U11" s="97">
        <v>1.3534778707877407E-2</v>
      </c>
      <c r="V11" s="96">
        <v>1.2E-2</v>
      </c>
      <c r="W11" s="97">
        <v>3.7367395881211904E-3</v>
      </c>
    </row>
    <row r="12" spans="1:43">
      <c r="A12" s="45" t="s">
        <v>440</v>
      </c>
      <c r="B12" s="100">
        <v>3147</v>
      </c>
      <c r="C12" s="101">
        <v>5.31</v>
      </c>
      <c r="D12" s="102">
        <v>3.9199999999999999E-2</v>
      </c>
      <c r="E12" s="93">
        <v>9.0999999999999998E-2</v>
      </c>
      <c r="F12" s="94">
        <v>1.0273532019569832E-2</v>
      </c>
      <c r="G12" s="93">
        <v>0.11899999999999999</v>
      </c>
      <c r="H12" s="94">
        <v>1.1556564733064602E-2</v>
      </c>
      <c r="I12" s="93">
        <v>0.745</v>
      </c>
      <c r="J12" s="94">
        <v>1.5535600105130217E-2</v>
      </c>
      <c r="K12" s="93">
        <v>4.5999999999999999E-2</v>
      </c>
      <c r="L12" s="94">
        <v>7.5081228352318549E-3</v>
      </c>
      <c r="M12" s="92">
        <v>3287</v>
      </c>
      <c r="N12" s="101">
        <v>5.53</v>
      </c>
      <c r="O12" s="102">
        <v>3.9199999999999999E-2</v>
      </c>
      <c r="P12" s="93">
        <v>9.6000000000000002E-2</v>
      </c>
      <c r="Q12" s="94">
        <v>1.0293801098307881E-2</v>
      </c>
      <c r="R12" s="93">
        <v>0.11</v>
      </c>
      <c r="S12" s="94">
        <v>1.092887482821616E-2</v>
      </c>
      <c r="T12" s="93">
        <v>0.78300000000000003</v>
      </c>
      <c r="U12" s="94">
        <v>1.4378888597980638E-2</v>
      </c>
      <c r="V12" s="93">
        <v>1.0999999999999999E-2</v>
      </c>
      <c r="W12" s="94">
        <v>3.7321306140534315E-3</v>
      </c>
    </row>
    <row r="13" spans="1:43">
      <c r="A13" s="49" t="s">
        <v>452</v>
      </c>
      <c r="B13" s="104">
        <v>571</v>
      </c>
      <c r="C13" s="105">
        <v>5.3266238459259538</v>
      </c>
      <c r="D13" s="106">
        <v>9.8000000000000004E-2</v>
      </c>
      <c r="E13" s="96">
        <v>8.5118277042972715E-2</v>
      </c>
      <c r="F13" s="97">
        <v>2.3628962987168017E-2</v>
      </c>
      <c r="G13" s="96">
        <v>0.11587635844223998</v>
      </c>
      <c r="H13" s="97">
        <v>2.6961456627174609E-2</v>
      </c>
      <c r="I13" s="96">
        <v>0.74927263905267638</v>
      </c>
      <c r="J13" s="97">
        <v>3.6233509073664363E-2</v>
      </c>
      <c r="K13" s="96">
        <v>4.9732725462109481E-2</v>
      </c>
      <c r="L13" s="97">
        <v>1.8663204301842162E-2</v>
      </c>
      <c r="M13" s="95">
        <v>570</v>
      </c>
      <c r="N13" s="105">
        <v>5.6</v>
      </c>
      <c r="O13" s="106">
        <v>0.1176</v>
      </c>
      <c r="P13" s="96">
        <v>9.1977197404777514E-2</v>
      </c>
      <c r="Q13" s="97">
        <v>2.4456406915422259E-2</v>
      </c>
      <c r="R13" s="96">
        <v>7.4708240017620844E-2</v>
      </c>
      <c r="S13" s="97">
        <v>2.2343378930122969E-2</v>
      </c>
      <c r="T13" s="96">
        <v>0.81171876231993834</v>
      </c>
      <c r="U13" s="97">
        <v>3.2778526213929876E-2</v>
      </c>
      <c r="V13" s="96">
        <v>2.1595800257662622E-2</v>
      </c>
      <c r="W13" s="97">
        <v>1.3015172360176165E-2</v>
      </c>
    </row>
    <row r="14" spans="1:43">
      <c r="A14" s="45" t="s">
        <v>441</v>
      </c>
      <c r="B14" s="100">
        <v>148</v>
      </c>
      <c r="C14" s="101">
        <v>5.3116351551410474</v>
      </c>
      <c r="D14" s="102">
        <v>0.19600000000000001</v>
      </c>
      <c r="E14" s="93">
        <v>8.3420743463553618E-2</v>
      </c>
      <c r="F14" s="94">
        <v>4.7427267774885491E-2</v>
      </c>
      <c r="G14" s="93">
        <v>0.10160628305986767</v>
      </c>
      <c r="H14" s="94">
        <v>5.1177217010828557E-2</v>
      </c>
      <c r="I14" s="93">
        <v>0.70298743181608858</v>
      </c>
      <c r="J14" s="94">
        <v>7.4504714466263736E-2</v>
      </c>
      <c r="K14" s="93">
        <v>0.11198554166049082</v>
      </c>
      <c r="L14" s="94">
        <v>5.3129552793874719E-2</v>
      </c>
      <c r="M14" s="92">
        <v>147</v>
      </c>
      <c r="N14" s="101">
        <v>5.8</v>
      </c>
      <c r="O14" s="102">
        <v>0.19600000000000001</v>
      </c>
      <c r="P14" s="93">
        <v>3.4807473611239002E-2</v>
      </c>
      <c r="Q14" s="94">
        <v>3.4491259937835972E-2</v>
      </c>
      <c r="R14" s="93">
        <v>8.8247244259032534E-2</v>
      </c>
      <c r="S14" s="94">
        <v>4.8643306931597755E-2</v>
      </c>
      <c r="T14" s="93">
        <v>0.85894166038410846</v>
      </c>
      <c r="U14" s="94">
        <v>5.8206389671937427E-2</v>
      </c>
      <c r="V14" s="93">
        <v>1.8003621745620185E-2</v>
      </c>
      <c r="W14" s="94">
        <v>2.8108040320889829E-2</v>
      </c>
    </row>
    <row r="15" spans="1:43">
      <c r="A15" s="49" t="s">
        <v>442</v>
      </c>
      <c r="B15" s="104">
        <v>108</v>
      </c>
      <c r="C15" s="105">
        <v>5.4439914211946689</v>
      </c>
      <c r="D15" s="106">
        <v>0.23519999999999999</v>
      </c>
      <c r="E15" s="96">
        <v>0.12352636579168234</v>
      </c>
      <c r="F15" s="97">
        <v>6.49754251038797E-2</v>
      </c>
      <c r="G15" s="96">
        <v>7.3088916075030458E-2</v>
      </c>
      <c r="H15" s="97">
        <v>5.3629861568198565E-2</v>
      </c>
      <c r="I15" s="96">
        <v>0.74338438772386606</v>
      </c>
      <c r="J15" s="97">
        <v>8.3435095338065757E-2</v>
      </c>
      <c r="K15" s="96">
        <v>6.0000330409421869E-2</v>
      </c>
      <c r="L15" s="97">
        <v>4.9993536373474763E-2</v>
      </c>
      <c r="M15" s="95">
        <v>107</v>
      </c>
      <c r="N15" s="105">
        <v>5.4</v>
      </c>
      <c r="O15" s="106">
        <v>0.29399999999999998</v>
      </c>
      <c r="P15" s="96">
        <v>0.20006771204836274</v>
      </c>
      <c r="Q15" s="97">
        <v>7.7438114901126329E-2</v>
      </c>
      <c r="R15" s="96">
        <v>4.6270850006755432E-2</v>
      </c>
      <c r="S15" s="97">
        <v>4.5992558742268749E-2</v>
      </c>
      <c r="T15" s="96">
        <v>0.74592886961023264</v>
      </c>
      <c r="U15" s="97">
        <v>8.3568915798660839E-2</v>
      </c>
      <c r="V15" s="96">
        <v>7.7325683346498673E-3</v>
      </c>
      <c r="W15" s="97">
        <v>2.9908639118658521E-2</v>
      </c>
    </row>
    <row r="16" spans="1:43">
      <c r="A16" s="45" t="s">
        <v>443</v>
      </c>
      <c r="B16" s="100">
        <v>116</v>
      </c>
      <c r="C16" s="101">
        <v>5.2462042751044349</v>
      </c>
      <c r="D16" s="102">
        <v>0.25480000000000003</v>
      </c>
      <c r="E16" s="93">
        <v>9.7442728615284441E-2</v>
      </c>
      <c r="F16" s="94">
        <v>5.7321047772110972E-2</v>
      </c>
      <c r="G16" s="93">
        <v>0.14841030543065126</v>
      </c>
      <c r="H16" s="94">
        <v>6.6954799980529597E-2</v>
      </c>
      <c r="I16" s="93">
        <v>0.73811456618240701</v>
      </c>
      <c r="J16" s="94">
        <v>8.1038747541977457E-2</v>
      </c>
      <c r="K16" s="93">
        <v>1.6032399771657907E-2</v>
      </c>
      <c r="L16" s="94">
        <v>3.2212879516713283E-2</v>
      </c>
      <c r="M16" s="92">
        <v>116</v>
      </c>
      <c r="N16" s="101">
        <v>5.2</v>
      </c>
      <c r="O16" s="102">
        <v>0.29399999999999998</v>
      </c>
      <c r="P16" s="93">
        <v>0.12301590404381878</v>
      </c>
      <c r="Q16" s="94">
        <v>6.2503213477127992E-2</v>
      </c>
      <c r="R16" s="93">
        <v>0.11014338299872155</v>
      </c>
      <c r="S16" s="94">
        <v>5.9993190690662689E-2</v>
      </c>
      <c r="T16" s="93">
        <v>0.70992467051053865</v>
      </c>
      <c r="U16" s="94">
        <v>8.3430721562083213E-2</v>
      </c>
      <c r="V16" s="93">
        <v>5.6916042446921826E-2</v>
      </c>
      <c r="W16" s="94">
        <v>4.7098016831805846E-2</v>
      </c>
    </row>
    <row r="17" spans="1:45">
      <c r="A17" s="49" t="s">
        <v>444</v>
      </c>
      <c r="B17" s="104">
        <v>81</v>
      </c>
      <c r="C17" s="105">
        <v>5.5026945508736214</v>
      </c>
      <c r="D17" s="106">
        <v>0.27440000000000003</v>
      </c>
      <c r="E17" s="96">
        <v>5.7272703296193959E-2</v>
      </c>
      <c r="F17" s="97">
        <v>5.8211070975307241E-2</v>
      </c>
      <c r="G17" s="96">
        <v>3.5601744940623112E-2</v>
      </c>
      <c r="H17" s="97">
        <v>5.048219896538355E-2</v>
      </c>
      <c r="I17" s="96">
        <v>0.85866669450349176</v>
      </c>
      <c r="J17" s="97">
        <v>7.9166476589495577E-2</v>
      </c>
      <c r="K17" s="96">
        <v>4.8458857259691242E-2</v>
      </c>
      <c r="L17" s="97">
        <v>5.5242212143013683E-2</v>
      </c>
      <c r="M17" s="95">
        <v>81</v>
      </c>
      <c r="N17" s="105">
        <v>6.1</v>
      </c>
      <c r="O17" s="106">
        <v>0.25480000000000003</v>
      </c>
      <c r="P17" s="96">
        <v>2.9839296155540432E-2</v>
      </c>
      <c r="Q17" s="97">
        <v>4.8148884729891969E-2</v>
      </c>
      <c r="R17" s="96">
        <v>4.5561532310360364E-2</v>
      </c>
      <c r="S17" s="97">
        <v>5.4217422118623099E-2</v>
      </c>
      <c r="T17" s="96">
        <v>0.92459917153409932</v>
      </c>
      <c r="U17" s="97">
        <v>6.3721543691429391E-2</v>
      </c>
      <c r="V17" s="96">
        <v>0</v>
      </c>
      <c r="W17" s="97">
        <v>3.2881805121991139E-2</v>
      </c>
    </row>
    <row r="18" spans="1:45">
      <c r="A18" s="45" t="s">
        <v>445</v>
      </c>
      <c r="B18" s="100">
        <v>118</v>
      </c>
      <c r="C18" s="101">
        <v>5.232756000205149</v>
      </c>
      <c r="D18" s="102">
        <v>0.23519999999999999</v>
      </c>
      <c r="E18" s="93">
        <v>4.4418525163939418E-2</v>
      </c>
      <c r="F18" s="94">
        <v>4.2785217591791519E-2</v>
      </c>
      <c r="G18" s="93">
        <v>0.18445247279142166</v>
      </c>
      <c r="H18" s="94">
        <v>7.1712522230326189E-2</v>
      </c>
      <c r="I18" s="93">
        <v>0.75933223524522253</v>
      </c>
      <c r="J18" s="94">
        <v>7.8319342576905024E-2</v>
      </c>
      <c r="K18" s="93">
        <v>1.1796766799416854E-2</v>
      </c>
      <c r="L18" s="94">
        <v>2.9769827090859062E-2</v>
      </c>
      <c r="M18" s="92">
        <v>119</v>
      </c>
      <c r="N18" s="101">
        <v>5.6</v>
      </c>
      <c r="O18" s="102">
        <v>0.21559999999999999</v>
      </c>
      <c r="P18" s="93">
        <v>4.0259854446538526E-2</v>
      </c>
      <c r="Q18" s="94">
        <v>4.1186676426492166E-2</v>
      </c>
      <c r="R18" s="93">
        <v>5.1919172497323827E-2</v>
      </c>
      <c r="S18" s="94">
        <v>4.4928078405392396E-2</v>
      </c>
      <c r="T18" s="93">
        <v>0.90782097305613751</v>
      </c>
      <c r="U18" s="94">
        <v>5.5384418046902861E-2</v>
      </c>
      <c r="V18" s="93">
        <v>0</v>
      </c>
      <c r="W18" s="94">
        <v>2.2807622255924295E-2</v>
      </c>
    </row>
    <row r="19" spans="1:45">
      <c r="A19" s="49" t="s">
        <v>453</v>
      </c>
      <c r="B19" s="104">
        <v>946</v>
      </c>
      <c r="C19" s="105">
        <v>5.3899505262163787</v>
      </c>
      <c r="D19" s="106">
        <v>7.8399999999999997E-2</v>
      </c>
      <c r="E19" s="96">
        <v>7.848850376259997E-2</v>
      </c>
      <c r="F19" s="97">
        <v>1.7630248342547519E-2</v>
      </c>
      <c r="G19" s="96">
        <v>0.12910449850869571</v>
      </c>
      <c r="H19" s="97">
        <v>2.186971156372633E-2</v>
      </c>
      <c r="I19" s="96">
        <v>0.75822471881085418</v>
      </c>
      <c r="J19" s="97">
        <v>2.7825041980689521E-2</v>
      </c>
      <c r="K19" s="96">
        <v>3.4182278917850237E-2</v>
      </c>
      <c r="L19" s="97">
        <v>1.2111283240860757E-2</v>
      </c>
      <c r="M19" s="95">
        <v>944</v>
      </c>
      <c r="N19" s="105">
        <v>5.5</v>
      </c>
      <c r="O19" s="106">
        <v>9.8000000000000004E-2</v>
      </c>
      <c r="P19" s="96">
        <v>9.8098668280952137E-2</v>
      </c>
      <c r="Q19" s="97">
        <v>1.9469279202722383E-2</v>
      </c>
      <c r="R19" s="96">
        <v>0.12697819075817113</v>
      </c>
      <c r="S19" s="97">
        <v>2.1741332649892104E-2</v>
      </c>
      <c r="T19" s="96">
        <v>0.7667885576686071</v>
      </c>
      <c r="U19" s="97">
        <v>2.7514724926502629E-2</v>
      </c>
      <c r="V19" s="96">
        <v>8.1345832922709253E-3</v>
      </c>
      <c r="W19" s="97">
        <v>6.5299444677510777E-3</v>
      </c>
    </row>
    <row r="20" spans="1:45">
      <c r="A20" s="45" t="s">
        <v>446</v>
      </c>
      <c r="B20" s="83">
        <v>104</v>
      </c>
      <c r="C20" s="84">
        <v>5.7464127632339173</v>
      </c>
      <c r="D20" s="85">
        <v>0.21559999999999999</v>
      </c>
      <c r="E20" s="98">
        <v>2.4699024791922184E-3</v>
      </c>
      <c r="F20" s="94">
        <v>2.7527939272546705E-2</v>
      </c>
      <c r="G20" s="98">
        <v>0.12353487336022419</v>
      </c>
      <c r="H20" s="94">
        <v>6.6270438779078927E-2</v>
      </c>
      <c r="I20" s="98">
        <v>0.86112612612526984</v>
      </c>
      <c r="J20" s="94">
        <v>6.9140003773034642E-2</v>
      </c>
      <c r="K20" s="98">
        <v>1.2869098035313607E-2</v>
      </c>
      <c r="L20" s="94">
        <v>3.3308598825900156E-2</v>
      </c>
      <c r="M20" s="83">
        <v>105</v>
      </c>
      <c r="N20" s="84">
        <v>5.8</v>
      </c>
      <c r="O20" s="85">
        <v>0.29399999999999998</v>
      </c>
      <c r="P20" s="98">
        <v>3.4660699349415632E-2</v>
      </c>
      <c r="Q20" s="94">
        <v>4.2430997576041865E-2</v>
      </c>
      <c r="R20" s="98">
        <v>9.6644979936962874E-2</v>
      </c>
      <c r="S20" s="94">
        <v>6.0282687408018225E-2</v>
      </c>
      <c r="T20" s="98">
        <v>0.8686943207136214</v>
      </c>
      <c r="U20" s="94">
        <v>6.7418548274770243E-2</v>
      </c>
      <c r="V20" s="98">
        <v>0</v>
      </c>
      <c r="W20" s="94">
        <v>2.5709707484377786E-2</v>
      </c>
    </row>
    <row r="21" spans="1:45">
      <c r="A21" s="49" t="s">
        <v>447</v>
      </c>
      <c r="B21" s="104">
        <v>192</v>
      </c>
      <c r="C21" s="105">
        <v>5.3938632521653531</v>
      </c>
      <c r="D21" s="106">
        <v>0.15679999999999999</v>
      </c>
      <c r="E21" s="96">
        <v>7.4890640351860466E-2</v>
      </c>
      <c r="F21" s="97">
        <v>3.9533764470157981E-2</v>
      </c>
      <c r="G21" s="96">
        <v>0.10320942817424125</v>
      </c>
      <c r="H21" s="97">
        <v>4.4930309596040212E-2</v>
      </c>
      <c r="I21" s="96">
        <v>0.79571092635236196</v>
      </c>
      <c r="J21" s="97">
        <v>5.8219817358060803E-2</v>
      </c>
      <c r="K21" s="96">
        <v>2.6189005121537011E-2</v>
      </c>
      <c r="L21" s="97">
        <v>2.656250880623235E-2</v>
      </c>
      <c r="M21" s="95">
        <v>191</v>
      </c>
      <c r="N21" s="105">
        <v>5.0999999999999996</v>
      </c>
      <c r="O21" s="106">
        <v>0.19600000000000001</v>
      </c>
      <c r="P21" s="96">
        <v>0.15952845062798393</v>
      </c>
      <c r="Q21" s="97">
        <v>5.3356291650566864E-2</v>
      </c>
      <c r="R21" s="96">
        <v>0.18682432468835639</v>
      </c>
      <c r="S21" s="97">
        <v>5.6551040003221545E-2</v>
      </c>
      <c r="T21" s="96">
        <v>0.65354960419303121</v>
      </c>
      <c r="U21" s="97">
        <v>6.8294968015000304E-2</v>
      </c>
      <c r="V21" s="96">
        <v>9.7620490629709186E-5</v>
      </c>
      <c r="W21" s="97">
        <v>1.4496587599189027E-2</v>
      </c>
    </row>
    <row r="22" spans="1:45">
      <c r="A22" s="57" t="s">
        <v>448</v>
      </c>
      <c r="B22" s="100">
        <v>237</v>
      </c>
      <c r="C22" s="101">
        <v>5.326014813697002</v>
      </c>
      <c r="D22" s="102">
        <v>0.15679999999999999</v>
      </c>
      <c r="E22" s="93">
        <v>0.10038310441641075</v>
      </c>
      <c r="F22" s="94">
        <v>3.9826048991535572E-2</v>
      </c>
      <c r="G22" s="93">
        <v>0.12754947559453805</v>
      </c>
      <c r="H22" s="94">
        <v>4.3849456901710819E-2</v>
      </c>
      <c r="I22" s="93">
        <v>0.71129020640463725</v>
      </c>
      <c r="J22" s="94">
        <v>5.8590086539509832E-2</v>
      </c>
      <c r="K22" s="93">
        <v>6.0777213584414923E-2</v>
      </c>
      <c r="L22" s="94">
        <v>3.2447614244184797E-2</v>
      </c>
      <c r="M22" s="92">
        <v>236</v>
      </c>
      <c r="N22" s="101">
        <v>5.8</v>
      </c>
      <c r="O22" s="102">
        <v>0.15679999999999999</v>
      </c>
      <c r="P22" s="93">
        <v>6.7417859529857738E-2</v>
      </c>
      <c r="Q22" s="94">
        <v>3.3925970602723815E-2</v>
      </c>
      <c r="R22" s="93">
        <v>0.10057144209196667</v>
      </c>
      <c r="S22" s="94">
        <v>3.9943838770183544E-2</v>
      </c>
      <c r="T22" s="93">
        <v>0.82625554084250497</v>
      </c>
      <c r="U22" s="94">
        <v>4.9510242025156803E-2</v>
      </c>
      <c r="V22" s="93">
        <v>5.7551575356707928E-3</v>
      </c>
      <c r="W22" s="94">
        <v>1.5163981182071256E-2</v>
      </c>
    </row>
    <row r="23" spans="1:45">
      <c r="A23" s="49" t="s">
        <v>449</v>
      </c>
      <c r="B23" s="104">
        <v>124</v>
      </c>
      <c r="C23" s="105">
        <v>5.4617781756816557</v>
      </c>
      <c r="D23" s="106">
        <v>0.23519999999999999</v>
      </c>
      <c r="E23" s="96">
        <v>0.11759633523733307</v>
      </c>
      <c r="F23" s="97">
        <v>5.9362279457224561E-2</v>
      </c>
      <c r="G23" s="96">
        <v>0.10884893496767095</v>
      </c>
      <c r="H23" s="97">
        <v>5.7666573483869117E-2</v>
      </c>
      <c r="I23" s="96">
        <v>0.72664933278973209</v>
      </c>
      <c r="J23" s="97">
        <v>7.9410038331866745E-2</v>
      </c>
      <c r="K23" s="96">
        <v>4.690539700526454E-2</v>
      </c>
      <c r="L23" s="97">
        <v>4.2328963771385911E-2</v>
      </c>
      <c r="M23" s="95">
        <v>122</v>
      </c>
      <c r="N23" s="105">
        <v>5.8</v>
      </c>
      <c r="O23" s="106">
        <v>0.25480000000000003</v>
      </c>
      <c r="P23" s="96">
        <v>0.11824389386163567</v>
      </c>
      <c r="Q23" s="97">
        <v>5.9991689444093207E-2</v>
      </c>
      <c r="R23" s="96">
        <v>5.7669366820570181E-2</v>
      </c>
      <c r="S23" s="97">
        <v>4.5970678804751766E-2</v>
      </c>
      <c r="T23" s="96">
        <v>0.81666472104472876</v>
      </c>
      <c r="U23" s="97">
        <v>7.0370709880023488E-2</v>
      </c>
      <c r="V23" s="96">
        <v>7.4220182730660514E-3</v>
      </c>
      <c r="W23" s="97">
        <v>2.6742557439903374E-2</v>
      </c>
    </row>
    <row r="24" spans="1:45">
      <c r="A24" s="57" t="s">
        <v>450</v>
      </c>
      <c r="B24" s="100">
        <v>124</v>
      </c>
      <c r="C24" s="101">
        <v>5.3550007968709492</v>
      </c>
      <c r="D24" s="102">
        <v>0.19600000000000001</v>
      </c>
      <c r="E24" s="93">
        <v>8.8927495969630121E-2</v>
      </c>
      <c r="F24" s="94">
        <v>5.3448475198269313E-2</v>
      </c>
      <c r="G24" s="93">
        <v>0.12440615101067642</v>
      </c>
      <c r="H24" s="94">
        <v>6.0623947779491053E-2</v>
      </c>
      <c r="I24" s="93">
        <v>0.77485943648798494</v>
      </c>
      <c r="J24" s="94">
        <v>7.481231620221486E-2</v>
      </c>
      <c r="K24" s="93">
        <v>1.1806916531708461E-2</v>
      </c>
      <c r="L24" s="94">
        <v>2.868500648546421E-2</v>
      </c>
      <c r="M24" s="92">
        <v>123</v>
      </c>
      <c r="N24" s="101">
        <v>5.5</v>
      </c>
      <c r="O24" s="102">
        <v>0.23519999999999999</v>
      </c>
      <c r="P24" s="93">
        <v>0.11236375405693109</v>
      </c>
      <c r="Q24" s="94">
        <v>5.8607031029149215E-2</v>
      </c>
      <c r="R24" s="93">
        <v>8.6771792198004669E-2</v>
      </c>
      <c r="S24" s="94">
        <v>5.3190916771664279E-2</v>
      </c>
      <c r="T24" s="93">
        <v>0.77950995668442369</v>
      </c>
      <c r="U24" s="94">
        <v>7.4605100918429493E-2</v>
      </c>
      <c r="V24" s="93">
        <v>2.1354497060641076E-2</v>
      </c>
      <c r="W24" s="94">
        <v>3.325056627714372E-2</v>
      </c>
    </row>
    <row r="25" spans="1:45">
      <c r="A25" s="49" t="s">
        <v>451</v>
      </c>
      <c r="B25" s="104">
        <v>165</v>
      </c>
      <c r="C25" s="105">
        <v>5.3322726130055518</v>
      </c>
      <c r="D25" s="106">
        <v>0.1764</v>
      </c>
      <c r="E25" s="96">
        <v>3.8282299647299428E-2</v>
      </c>
      <c r="F25" s="97">
        <v>3.327804793903176E-2</v>
      </c>
      <c r="G25" s="96">
        <v>0.19347753679152963</v>
      </c>
      <c r="H25" s="97">
        <v>6.1622820493484207E-2</v>
      </c>
      <c r="I25" s="96">
        <v>0.74856721790901692</v>
      </c>
      <c r="J25" s="97">
        <v>6.7254614787797359E-2</v>
      </c>
      <c r="K25" s="96">
        <v>1.9672945652154557E-2</v>
      </c>
      <c r="L25" s="97">
        <v>2.6681576352787978E-2</v>
      </c>
      <c r="M25" s="95">
        <v>167</v>
      </c>
      <c r="N25" s="105">
        <v>5.5</v>
      </c>
      <c r="O25" s="106">
        <v>0.23519999999999999</v>
      </c>
      <c r="P25" s="96">
        <v>5.9029833620272164E-2</v>
      </c>
      <c r="Q25" s="97">
        <v>3.8853814063460369E-2</v>
      </c>
      <c r="R25" s="96">
        <v>0.18095802836139094</v>
      </c>
      <c r="S25" s="97">
        <v>5.9808373486824905E-2</v>
      </c>
      <c r="T25" s="96">
        <v>0.74408407974474278</v>
      </c>
      <c r="U25" s="97">
        <v>6.7221827540210152E-2</v>
      </c>
      <c r="V25" s="96">
        <v>1.5928058273594649E-2</v>
      </c>
      <c r="W25" s="97">
        <v>2.4901556312544038E-2</v>
      </c>
    </row>
    <row r="26" spans="1:45">
      <c r="A26" s="57" t="s">
        <v>457</v>
      </c>
      <c r="B26" s="100">
        <v>61</v>
      </c>
      <c r="C26" s="101">
        <v>5.1974079531777058</v>
      </c>
      <c r="D26" s="102">
        <v>0.29399999999999998</v>
      </c>
      <c r="E26" s="93">
        <v>2.447414416682327E-2</v>
      </c>
      <c r="F26" s="94">
        <v>5.5939296310730392E-2</v>
      </c>
      <c r="G26" s="93">
        <v>0.14996302269067671</v>
      </c>
      <c r="H26" s="94">
        <v>9.3509430259270748E-2</v>
      </c>
      <c r="I26" s="93">
        <v>0.75505925955158304</v>
      </c>
      <c r="J26" s="94">
        <v>0.10889803506404437</v>
      </c>
      <c r="K26" s="93">
        <v>7.0503573590917565E-2</v>
      </c>
      <c r="L26" s="94">
        <v>7.3395828313385286E-2</v>
      </c>
      <c r="M26" s="92">
        <v>60</v>
      </c>
      <c r="N26" s="101">
        <v>5.4</v>
      </c>
      <c r="O26" s="102">
        <v>0.3528</v>
      </c>
      <c r="P26" s="99">
        <v>0.17441667346149775</v>
      </c>
      <c r="Q26" s="94">
        <v>9.9005044128802899E-2</v>
      </c>
      <c r="R26" s="93">
        <v>9.8629091257690357E-2</v>
      </c>
      <c r="S26" s="94">
        <v>8.2313967520046771E-2</v>
      </c>
      <c r="T26" s="93">
        <v>0.72693027691205314</v>
      </c>
      <c r="U26" s="94">
        <v>0.11312013987276448</v>
      </c>
      <c r="V26" s="93">
        <v>2.3958368759500092E-5</v>
      </c>
      <c r="W26" s="94">
        <v>4.351328400295372E-2</v>
      </c>
    </row>
    <row r="27" spans="1:45">
      <c r="A27" s="49" t="s">
        <v>460</v>
      </c>
      <c r="B27" s="104">
        <v>56</v>
      </c>
      <c r="C27" s="105">
        <v>5.4534781540242045</v>
      </c>
      <c r="D27" s="106">
        <v>0.23519999999999999</v>
      </c>
      <c r="E27" s="96">
        <v>4.8372113818819555E-2</v>
      </c>
      <c r="F27" s="97">
        <v>6.943650758202094E-2</v>
      </c>
      <c r="G27" s="96">
        <v>2.4844004335290527E-2</v>
      </c>
      <c r="H27" s="97">
        <v>5.9624625381576979E-2</v>
      </c>
      <c r="I27" s="96">
        <v>0.85355172362678811</v>
      </c>
      <c r="J27" s="97">
        <v>9.6992143292694677E-2</v>
      </c>
      <c r="K27" s="96">
        <v>7.3232158219101451E-2</v>
      </c>
      <c r="L27" s="97">
        <v>7.803582274722598E-2</v>
      </c>
      <c r="M27" s="95">
        <v>56</v>
      </c>
      <c r="N27" s="105">
        <v>5.8</v>
      </c>
      <c r="O27" s="106">
        <v>0.3528</v>
      </c>
      <c r="P27" s="96">
        <v>5.0152983014890733E-2</v>
      </c>
      <c r="Q27" s="97">
        <v>7.010464478019586E-2</v>
      </c>
      <c r="R27" s="96">
        <v>0.10895584507276455</v>
      </c>
      <c r="S27" s="97">
        <v>8.8239666739674705E-2</v>
      </c>
      <c r="T27" s="96">
        <v>0.84089117191234497</v>
      </c>
      <c r="U27" s="97">
        <v>9.9589481739413357E-2</v>
      </c>
      <c r="V27" s="96">
        <v>0</v>
      </c>
      <c r="W27" s="97">
        <v>4.6348119143587135E-2</v>
      </c>
    </row>
    <row r="28" spans="1:45">
      <c r="A28" s="57" t="s">
        <v>458</v>
      </c>
      <c r="B28" s="100">
        <v>82</v>
      </c>
      <c r="C28" s="101">
        <v>5.6557699075169658</v>
      </c>
      <c r="D28" s="102">
        <v>0.29399999999999998</v>
      </c>
      <c r="E28" s="93">
        <v>6.8134488419397676E-2</v>
      </c>
      <c r="F28" s="94">
        <v>6.1166287385429903E-2</v>
      </c>
      <c r="G28" s="93">
        <v>7.4224948313941011E-2</v>
      </c>
      <c r="H28" s="94">
        <v>6.2945931664655952E-2</v>
      </c>
      <c r="I28" s="93">
        <v>0.74108810380922574</v>
      </c>
      <c r="J28" s="94">
        <v>9.5760753389741979E-2</v>
      </c>
      <c r="K28" s="93">
        <v>0.11655245945743627</v>
      </c>
      <c r="L28" s="94">
        <v>7.3556591573628455E-2</v>
      </c>
      <c r="M28" s="92">
        <v>83</v>
      </c>
      <c r="N28" s="101">
        <v>6.3</v>
      </c>
      <c r="O28" s="102">
        <v>0.25480000000000003</v>
      </c>
      <c r="P28" s="99">
        <v>1.3651088087211214E-2</v>
      </c>
      <c r="Q28" s="94">
        <v>3.9951175092540078E-2</v>
      </c>
      <c r="R28" s="93">
        <v>8.6262867335979598E-2</v>
      </c>
      <c r="S28" s="94">
        <v>6.5810692410769048E-2</v>
      </c>
      <c r="T28" s="93">
        <v>0.84021257390888449</v>
      </c>
      <c r="U28" s="94">
        <v>8.1552159435735641E-2</v>
      </c>
      <c r="V28" s="93">
        <v>5.9873470667925179E-2</v>
      </c>
      <c r="W28" s="94">
        <v>5.8207592640032869E-2</v>
      </c>
    </row>
    <row r="32" spans="1:45" ht="21" customHeight="1">
      <c r="A32" s="321" t="s">
        <v>34</v>
      </c>
      <c r="B32" s="321"/>
      <c r="C32" s="321"/>
      <c r="D32" s="321"/>
      <c r="E32" s="321"/>
      <c r="F32" s="321"/>
      <c r="G32" s="321"/>
      <c r="H32" s="321"/>
      <c r="I32" s="321"/>
      <c r="J32" s="321"/>
      <c r="K32" s="321"/>
      <c r="L32" s="321"/>
      <c r="M32" s="321"/>
      <c r="N32" s="321"/>
      <c r="O32" s="321"/>
      <c r="P32" s="321"/>
      <c r="Q32" s="321"/>
      <c r="R32" s="321"/>
      <c r="S32" s="321"/>
      <c r="T32" s="321"/>
      <c r="U32" s="321"/>
      <c r="V32" s="321"/>
      <c r="W32" s="321"/>
      <c r="X32" s="321"/>
      <c r="Y32" s="321"/>
      <c r="Z32" s="321"/>
      <c r="AA32" s="321"/>
      <c r="AB32" s="321"/>
      <c r="AC32" s="321"/>
      <c r="AD32" s="321"/>
      <c r="AE32" s="321"/>
      <c r="AF32" s="321"/>
      <c r="AG32" s="321"/>
      <c r="AH32" s="321"/>
      <c r="AI32" s="321"/>
      <c r="AJ32" s="321"/>
      <c r="AK32" s="321"/>
      <c r="AL32" s="321"/>
      <c r="AM32" s="321"/>
      <c r="AN32" s="321"/>
      <c r="AO32" s="321"/>
      <c r="AP32" s="321"/>
      <c r="AQ32" s="321"/>
      <c r="AR32" s="321"/>
      <c r="AS32" s="321"/>
    </row>
    <row r="33" spans="1:45" ht="73.5" customHeight="1">
      <c r="A33" s="330" t="s">
        <v>382</v>
      </c>
      <c r="B33" s="330"/>
      <c r="C33" s="330"/>
      <c r="D33" s="330"/>
      <c r="E33" s="330"/>
      <c r="F33" s="330"/>
      <c r="G33" s="330"/>
      <c r="H33" s="330"/>
      <c r="I33" s="330"/>
      <c r="J33" s="330"/>
      <c r="K33" s="330"/>
      <c r="L33" s="330"/>
      <c r="M33" s="330"/>
      <c r="N33" s="330"/>
      <c r="O33" s="330"/>
      <c r="P33" s="330"/>
      <c r="Q33" s="330"/>
      <c r="R33" s="330"/>
      <c r="S33" s="330"/>
      <c r="T33" s="330"/>
      <c r="U33" s="330"/>
      <c r="V33" s="330"/>
      <c r="W33" s="330"/>
      <c r="X33" s="330"/>
      <c r="Y33" s="330"/>
      <c r="Z33" s="330"/>
      <c r="AA33" s="330"/>
      <c r="AB33" s="330"/>
      <c r="AC33" s="330"/>
      <c r="AD33" s="330"/>
      <c r="AE33" s="330"/>
      <c r="AF33" s="330"/>
      <c r="AG33" s="330"/>
      <c r="AH33" s="330"/>
      <c r="AI33" s="330"/>
      <c r="AJ33" s="330"/>
      <c r="AK33" s="330"/>
      <c r="AL33" s="330"/>
      <c r="AM33" s="330"/>
      <c r="AN33" s="330"/>
      <c r="AO33" s="330"/>
      <c r="AP33" s="330"/>
      <c r="AQ33" s="330"/>
      <c r="AR33" s="330"/>
      <c r="AS33" s="330"/>
    </row>
    <row r="34" spans="1:45" ht="37.5" customHeight="1">
      <c r="A34" s="64"/>
      <c r="B34" s="343" t="s">
        <v>105</v>
      </c>
      <c r="C34" s="344"/>
      <c r="D34" s="344"/>
      <c r="E34" s="344"/>
      <c r="F34" s="344"/>
      <c r="G34" s="344"/>
      <c r="H34" s="344"/>
      <c r="I34" s="344"/>
      <c r="J34" s="344"/>
      <c r="K34" s="344"/>
      <c r="L34" s="345"/>
      <c r="M34" s="343" t="s">
        <v>106</v>
      </c>
      <c r="N34" s="344"/>
      <c r="O34" s="344"/>
      <c r="P34" s="344"/>
      <c r="Q34" s="344"/>
      <c r="R34" s="344"/>
      <c r="S34" s="344"/>
      <c r="T34" s="344"/>
      <c r="U34" s="344"/>
      <c r="V34" s="344"/>
      <c r="W34" s="345"/>
      <c r="X34" s="331" t="s">
        <v>107</v>
      </c>
      <c r="Y34" s="332"/>
      <c r="Z34" s="332"/>
      <c r="AA34" s="332"/>
      <c r="AB34" s="332"/>
      <c r="AC34" s="332"/>
      <c r="AD34" s="332"/>
      <c r="AE34" s="332"/>
      <c r="AF34" s="332"/>
      <c r="AG34" s="332"/>
      <c r="AH34" s="333"/>
      <c r="AI34" s="331" t="s">
        <v>108</v>
      </c>
      <c r="AJ34" s="332"/>
      <c r="AK34" s="332"/>
      <c r="AL34" s="332"/>
      <c r="AM34" s="332"/>
      <c r="AN34" s="332"/>
      <c r="AO34" s="332"/>
      <c r="AP34" s="332"/>
      <c r="AQ34" s="332"/>
      <c r="AR34" s="332"/>
      <c r="AS34" s="333"/>
    </row>
    <row r="35" spans="1:45" ht="72">
      <c r="A35" s="37" t="s">
        <v>85</v>
      </c>
      <c r="B35" s="38" t="s">
        <v>86</v>
      </c>
      <c r="C35" s="39" t="s">
        <v>87</v>
      </c>
      <c r="D35" s="40" t="s">
        <v>88</v>
      </c>
      <c r="E35" s="38" t="s">
        <v>184</v>
      </c>
      <c r="F35" s="89" t="s">
        <v>109</v>
      </c>
      <c r="G35" s="38" t="s">
        <v>185</v>
      </c>
      <c r="H35" s="89" t="s">
        <v>110</v>
      </c>
      <c r="I35" s="38" t="s">
        <v>186</v>
      </c>
      <c r="J35" s="89" t="s">
        <v>111</v>
      </c>
      <c r="K35" s="38" t="s">
        <v>357</v>
      </c>
      <c r="L35" s="89" t="s">
        <v>356</v>
      </c>
      <c r="M35" s="65" t="s">
        <v>86</v>
      </c>
      <c r="N35" s="66" t="s">
        <v>87</v>
      </c>
      <c r="O35" s="67" t="s">
        <v>88</v>
      </c>
      <c r="P35" s="65" t="s">
        <v>187</v>
      </c>
      <c r="Q35" s="88" t="s">
        <v>112</v>
      </c>
      <c r="R35" s="65" t="s">
        <v>188</v>
      </c>
      <c r="S35" s="88" t="s">
        <v>113</v>
      </c>
      <c r="T35" s="65" t="s">
        <v>189</v>
      </c>
      <c r="U35" s="88" t="s">
        <v>114</v>
      </c>
      <c r="V35" s="65" t="s">
        <v>357</v>
      </c>
      <c r="W35" s="88" t="s">
        <v>356</v>
      </c>
      <c r="X35" s="38" t="s">
        <v>86</v>
      </c>
      <c r="Y35" s="39" t="s">
        <v>87</v>
      </c>
      <c r="Z35" s="40" t="s">
        <v>88</v>
      </c>
      <c r="AA35" s="38" t="s">
        <v>190</v>
      </c>
      <c r="AB35" s="89" t="s">
        <v>115</v>
      </c>
      <c r="AC35" s="38" t="s">
        <v>191</v>
      </c>
      <c r="AD35" s="89" t="s">
        <v>116</v>
      </c>
      <c r="AE35" s="38" t="s">
        <v>192</v>
      </c>
      <c r="AF35" s="89" t="s">
        <v>117</v>
      </c>
      <c r="AG35" s="38" t="s">
        <v>357</v>
      </c>
      <c r="AH35" s="89" t="s">
        <v>356</v>
      </c>
      <c r="AI35" s="65" t="s">
        <v>86</v>
      </c>
      <c r="AJ35" s="66" t="s">
        <v>87</v>
      </c>
      <c r="AK35" s="67" t="s">
        <v>88</v>
      </c>
      <c r="AL35" s="65" t="s">
        <v>193</v>
      </c>
      <c r="AM35" s="88" t="s">
        <v>118</v>
      </c>
      <c r="AN35" s="65" t="s">
        <v>194</v>
      </c>
      <c r="AO35" s="88" t="s">
        <v>119</v>
      </c>
      <c r="AP35" s="65" t="s">
        <v>195</v>
      </c>
      <c r="AQ35" s="88" t="s">
        <v>120</v>
      </c>
      <c r="AR35" s="65" t="s">
        <v>357</v>
      </c>
      <c r="AS35" s="88" t="s">
        <v>356</v>
      </c>
    </row>
    <row r="36" spans="1:45" ht="93" customHeight="1">
      <c r="A36" s="41"/>
      <c r="B36" s="42" t="s">
        <v>89</v>
      </c>
      <c r="C36" s="43" t="s">
        <v>121</v>
      </c>
      <c r="D36" s="44" t="s">
        <v>91</v>
      </c>
      <c r="E36" s="42" t="s">
        <v>181</v>
      </c>
      <c r="F36" s="91" t="s">
        <v>104</v>
      </c>
      <c r="G36" s="42" t="s">
        <v>182</v>
      </c>
      <c r="H36" s="91" t="s">
        <v>104</v>
      </c>
      <c r="I36" s="42" t="s">
        <v>183</v>
      </c>
      <c r="J36" s="91" t="s">
        <v>104</v>
      </c>
      <c r="K36" s="42" t="s">
        <v>357</v>
      </c>
      <c r="L36" s="91" t="s">
        <v>104</v>
      </c>
      <c r="M36" s="68" t="s">
        <v>89</v>
      </c>
      <c r="N36" s="69" t="s">
        <v>121</v>
      </c>
      <c r="O36" s="70" t="s">
        <v>91</v>
      </c>
      <c r="P36" s="68" t="s">
        <v>181</v>
      </c>
      <c r="Q36" s="90" t="s">
        <v>104</v>
      </c>
      <c r="R36" s="68" t="s">
        <v>182</v>
      </c>
      <c r="S36" s="90" t="s">
        <v>104</v>
      </c>
      <c r="T36" s="68" t="s">
        <v>183</v>
      </c>
      <c r="U36" s="90" t="s">
        <v>104</v>
      </c>
      <c r="V36" s="68" t="s">
        <v>357</v>
      </c>
      <c r="W36" s="90" t="s">
        <v>104</v>
      </c>
      <c r="X36" s="42" t="s">
        <v>89</v>
      </c>
      <c r="Y36" s="43" t="s">
        <v>121</v>
      </c>
      <c r="Z36" s="44" t="s">
        <v>91</v>
      </c>
      <c r="AA36" s="42" t="s">
        <v>181</v>
      </c>
      <c r="AB36" s="91" t="s">
        <v>104</v>
      </c>
      <c r="AC36" s="42" t="s">
        <v>182</v>
      </c>
      <c r="AD36" s="91" t="s">
        <v>104</v>
      </c>
      <c r="AE36" s="42" t="s">
        <v>183</v>
      </c>
      <c r="AF36" s="91" t="s">
        <v>104</v>
      </c>
      <c r="AG36" s="42" t="s">
        <v>357</v>
      </c>
      <c r="AH36" s="91" t="s">
        <v>104</v>
      </c>
      <c r="AI36" s="68" t="s">
        <v>89</v>
      </c>
      <c r="AJ36" s="69" t="s">
        <v>121</v>
      </c>
      <c r="AK36" s="70" t="s">
        <v>91</v>
      </c>
      <c r="AL36" s="68" t="s">
        <v>181</v>
      </c>
      <c r="AM36" s="90" t="s">
        <v>104</v>
      </c>
      <c r="AN36" s="68" t="s">
        <v>182</v>
      </c>
      <c r="AO36" s="90" t="s">
        <v>104</v>
      </c>
      <c r="AP36" s="68" t="s">
        <v>183</v>
      </c>
      <c r="AQ36" s="90" t="s">
        <v>104</v>
      </c>
      <c r="AR36" s="68" t="s">
        <v>357</v>
      </c>
      <c r="AS36" s="90" t="s">
        <v>104</v>
      </c>
    </row>
    <row r="37" spans="1:45">
      <c r="A37" s="45" t="s">
        <v>436</v>
      </c>
      <c r="B37" s="100">
        <v>8579</v>
      </c>
      <c r="C37" s="101">
        <v>4.5</v>
      </c>
      <c r="D37" s="102">
        <v>3.9199999999999999E-2</v>
      </c>
      <c r="E37" s="103">
        <v>0.217</v>
      </c>
      <c r="F37" s="94">
        <v>8.9005438874569607E-3</v>
      </c>
      <c r="G37" s="103">
        <v>0.24399999999999999</v>
      </c>
      <c r="H37" s="94">
        <v>9.2733815502201253E-3</v>
      </c>
      <c r="I37" s="103">
        <v>0.52</v>
      </c>
      <c r="J37" s="94">
        <v>1.0785320473258423E-2</v>
      </c>
      <c r="K37" s="93">
        <v>1.9E-2</v>
      </c>
      <c r="L37" s="94">
        <v>2.9642788130103989E-3</v>
      </c>
      <c r="M37" s="100">
        <v>8573</v>
      </c>
      <c r="N37" s="101">
        <v>4.7</v>
      </c>
      <c r="O37" s="102">
        <v>3.9199999999999999E-2</v>
      </c>
      <c r="P37" s="103">
        <v>0.157</v>
      </c>
      <c r="Q37" s="94">
        <v>7.8596974369174438E-3</v>
      </c>
      <c r="R37" s="103">
        <v>0.248</v>
      </c>
      <c r="S37" s="94">
        <v>9.3275157526843833E-3</v>
      </c>
      <c r="T37" s="103">
        <v>0.57799999999999996</v>
      </c>
      <c r="U37" s="94">
        <v>1.0665653882230933E-2</v>
      </c>
      <c r="V37" s="93">
        <v>1.7000000000000001E-2</v>
      </c>
      <c r="W37" s="94">
        <v>2.8097785764018457E-3</v>
      </c>
      <c r="X37" s="100">
        <v>8549</v>
      </c>
      <c r="Y37" s="101">
        <v>4.0999999999999996</v>
      </c>
      <c r="Z37" s="102">
        <v>3.9199999999999999E-2</v>
      </c>
      <c r="AA37" s="103">
        <v>0.151</v>
      </c>
      <c r="AB37" s="94">
        <v>7.746507017582273E-3</v>
      </c>
      <c r="AC37" s="103">
        <v>0.248</v>
      </c>
      <c r="AD37" s="94">
        <v>9.3405974024513751E-3</v>
      </c>
      <c r="AE37" s="103">
        <v>0.58599999999999997</v>
      </c>
      <c r="AF37" s="94">
        <v>1.0651871744154428E-2</v>
      </c>
      <c r="AG37" s="93">
        <v>1.4999999999999999E-2</v>
      </c>
      <c r="AH37" s="94">
        <v>2.6481555205133981E-3</v>
      </c>
      <c r="AI37" s="100">
        <v>8542</v>
      </c>
      <c r="AJ37" s="101">
        <v>4.8</v>
      </c>
      <c r="AK37" s="102">
        <v>3.9199999999999999E-2</v>
      </c>
      <c r="AL37" s="103">
        <v>0.28199999999999997</v>
      </c>
      <c r="AM37" s="94">
        <v>9.7360550885938011E-3</v>
      </c>
      <c r="AN37" s="103">
        <v>0.26300000000000001</v>
      </c>
      <c r="AO37" s="94">
        <v>9.5261859184403042E-3</v>
      </c>
      <c r="AP37" s="103">
        <v>0.38900000000000001</v>
      </c>
      <c r="AQ37" s="94">
        <v>1.0547620410977942E-2</v>
      </c>
      <c r="AR37" s="93">
        <v>6.6000000000000003E-2</v>
      </c>
      <c r="AS37" s="94">
        <v>5.3791547440763463E-3</v>
      </c>
    </row>
    <row r="38" spans="1:45">
      <c r="A38" s="49" t="s">
        <v>437</v>
      </c>
      <c r="B38" s="104">
        <v>8696</v>
      </c>
      <c r="C38" s="105">
        <v>4.4594611108365676</v>
      </c>
      <c r="D38" s="106">
        <v>3.9199999999999999E-2</v>
      </c>
      <c r="E38" s="107">
        <v>0.23499999999999999</v>
      </c>
      <c r="F38" s="97">
        <v>9.0931213074317858E-3</v>
      </c>
      <c r="G38" s="107">
        <v>0.24199999999999999</v>
      </c>
      <c r="H38" s="97">
        <v>9.1851252615988647E-3</v>
      </c>
      <c r="I38" s="107">
        <v>0.505</v>
      </c>
      <c r="J38" s="97">
        <v>1.072058977154507E-2</v>
      </c>
      <c r="K38" s="96">
        <v>1.9E-2</v>
      </c>
      <c r="L38" s="97">
        <v>2.9440527887616471E-3</v>
      </c>
      <c r="M38" s="104">
        <v>8886</v>
      </c>
      <c r="N38" s="105">
        <v>4.7</v>
      </c>
      <c r="O38" s="106">
        <v>3.9199999999999999E-2</v>
      </c>
      <c r="P38" s="107">
        <v>0.16900000000000001</v>
      </c>
      <c r="Q38" s="97">
        <v>7.9519810379309573E-3</v>
      </c>
      <c r="R38" s="107">
        <v>0.245</v>
      </c>
      <c r="S38" s="97">
        <v>9.1243996556466256E-3</v>
      </c>
      <c r="T38" s="107">
        <v>0.56999999999999995</v>
      </c>
      <c r="U38" s="97">
        <v>1.050158075747489E-2</v>
      </c>
      <c r="V38" s="96">
        <v>1.6E-2</v>
      </c>
      <c r="W38" s="97">
        <v>2.679317662789837E-3</v>
      </c>
      <c r="X38" s="104">
        <v>7949</v>
      </c>
      <c r="Y38" s="105">
        <v>4.0999999999999996</v>
      </c>
      <c r="Z38" s="106">
        <v>3.9199999999999999E-2</v>
      </c>
      <c r="AA38" s="107">
        <v>0.152</v>
      </c>
      <c r="AB38" s="97">
        <v>8.0554406463226938E-3</v>
      </c>
      <c r="AC38" s="107">
        <v>0.251</v>
      </c>
      <c r="AD38" s="97">
        <v>9.7255524671177353E-3</v>
      </c>
      <c r="AE38" s="107">
        <v>0.58499999999999996</v>
      </c>
      <c r="AF38" s="97">
        <v>1.1050272417136468E-2</v>
      </c>
      <c r="AG38" s="96">
        <v>1.2E-2</v>
      </c>
      <c r="AH38" s="97">
        <v>2.4664723881987986E-3</v>
      </c>
      <c r="AI38" s="104">
        <v>7943</v>
      </c>
      <c r="AJ38" s="105">
        <v>4.8</v>
      </c>
      <c r="AK38" s="106">
        <v>3.1064098662889769E-2</v>
      </c>
      <c r="AL38" s="107">
        <v>0.29799999999999999</v>
      </c>
      <c r="AM38" s="97">
        <v>1.0262370733535442E-2</v>
      </c>
      <c r="AN38" s="107">
        <v>0.26500000000000001</v>
      </c>
      <c r="AO38" s="97">
        <v>9.9027758777084224E-3</v>
      </c>
      <c r="AP38" s="107">
        <v>0.38100000000000001</v>
      </c>
      <c r="AQ38" s="97">
        <v>1.0895554149113808E-2</v>
      </c>
      <c r="AR38" s="96">
        <v>5.7000000000000002E-2</v>
      </c>
      <c r="AS38" s="97">
        <v>5.2109644305612162E-3</v>
      </c>
    </row>
    <row r="39" spans="1:45">
      <c r="A39" s="45" t="s">
        <v>438</v>
      </c>
      <c r="B39" s="100">
        <v>776</v>
      </c>
      <c r="C39" s="101">
        <v>4.4854630000000002</v>
      </c>
      <c r="D39" s="102">
        <v>0.11200224</v>
      </c>
      <c r="E39" s="103">
        <v>0.21099999999999999</v>
      </c>
      <c r="F39" s="94">
        <v>2.9293687879203952E-2</v>
      </c>
      <c r="G39" s="103">
        <v>0.24</v>
      </c>
      <c r="H39" s="94">
        <v>3.0641981889738368E-2</v>
      </c>
      <c r="I39" s="103">
        <v>0.51100000000000001</v>
      </c>
      <c r="J39" s="94">
        <v>3.5797166328443888E-2</v>
      </c>
      <c r="K39" s="93">
        <v>3.7999999999999999E-2</v>
      </c>
      <c r="L39" s="94">
        <v>1.4094835565632262E-2</v>
      </c>
      <c r="M39" s="100">
        <v>775</v>
      </c>
      <c r="N39" s="101">
        <v>4.6161969999999997</v>
      </c>
      <c r="O39" s="102">
        <v>9.871344E-2</v>
      </c>
      <c r="P39" s="103">
        <v>0.17399999999999999</v>
      </c>
      <c r="Q39" s="94">
        <v>2.7268701222223194E-2</v>
      </c>
      <c r="R39" s="103">
        <v>0.246</v>
      </c>
      <c r="S39" s="94">
        <v>3.0916247869434862E-2</v>
      </c>
      <c r="T39" s="103">
        <v>0.54300000000000004</v>
      </c>
      <c r="U39" s="94">
        <v>3.5697339893335706E-2</v>
      </c>
      <c r="V39" s="93">
        <v>3.7999999999999999E-2</v>
      </c>
      <c r="W39" s="94">
        <v>1.4104388338444851E-2</v>
      </c>
      <c r="X39" s="100">
        <v>775</v>
      </c>
      <c r="Y39" s="101">
        <v>4.3922639999999999</v>
      </c>
      <c r="Z39" s="102">
        <v>0.10447388000000001</v>
      </c>
      <c r="AA39" s="103">
        <v>0.191</v>
      </c>
      <c r="AB39" s="94">
        <v>2.8256757126653952E-2</v>
      </c>
      <c r="AC39" s="103">
        <v>0.246</v>
      </c>
      <c r="AD39" s="94">
        <v>3.0916247869434862E-2</v>
      </c>
      <c r="AE39" s="103">
        <v>0.45</v>
      </c>
      <c r="AF39" s="94">
        <v>3.56509686938574E-2</v>
      </c>
      <c r="AG39" s="93">
        <v>0.113</v>
      </c>
      <c r="AH39" s="94">
        <v>2.2859184424296783E-2</v>
      </c>
      <c r="AI39" s="100">
        <v>771</v>
      </c>
      <c r="AJ39" s="101">
        <v>4.6649089999999998</v>
      </c>
      <c r="AK39" s="102">
        <v>0.10943268</v>
      </c>
      <c r="AL39" s="103">
        <v>0.19500000000000001</v>
      </c>
      <c r="AM39" s="94">
        <v>2.8550602952036635E-2</v>
      </c>
      <c r="AN39" s="103">
        <v>0.217</v>
      </c>
      <c r="AO39" s="94">
        <v>2.9685281825217638E-2</v>
      </c>
      <c r="AP39" s="103">
        <v>0.55100000000000005</v>
      </c>
      <c r="AQ39" s="94">
        <v>3.5735644426145609E-2</v>
      </c>
      <c r="AR39" s="93">
        <v>3.6999999999999998E-2</v>
      </c>
      <c r="AS39" s="94">
        <v>1.397474786793693E-2</v>
      </c>
    </row>
    <row r="40" spans="1:45">
      <c r="A40" s="49" t="s">
        <v>439</v>
      </c>
      <c r="B40" s="104">
        <v>3248</v>
      </c>
      <c r="C40" s="105">
        <v>4.5999999999999996</v>
      </c>
      <c r="D40" s="106">
        <v>5.8799999999999998E-2</v>
      </c>
      <c r="E40" s="107">
        <v>0.18099999999999999</v>
      </c>
      <c r="F40" s="97">
        <v>1.3514566903183646E-2</v>
      </c>
      <c r="G40" s="107">
        <v>0.24099999999999999</v>
      </c>
      <c r="H40" s="97">
        <v>1.5006514346875152E-2</v>
      </c>
      <c r="I40" s="107">
        <v>0.56499999999999995</v>
      </c>
      <c r="J40" s="97">
        <v>1.7387324390515511E-2</v>
      </c>
      <c r="K40" s="96">
        <v>1.2999999999999999E-2</v>
      </c>
      <c r="L40" s="97">
        <v>4.0619560291326072E-3</v>
      </c>
      <c r="M40" s="104">
        <v>3249</v>
      </c>
      <c r="N40" s="105">
        <v>4.8</v>
      </c>
      <c r="O40" s="106">
        <v>3.9199999999999999E-2</v>
      </c>
      <c r="P40" s="107">
        <v>0.123</v>
      </c>
      <c r="Q40" s="97">
        <v>1.1535657890079752E-2</v>
      </c>
      <c r="R40" s="107">
        <v>0.252</v>
      </c>
      <c r="S40" s="97">
        <v>1.5230462858705445E-2</v>
      </c>
      <c r="T40" s="107">
        <v>0.61099999999999999</v>
      </c>
      <c r="U40" s="97">
        <v>1.7096650519352705E-2</v>
      </c>
      <c r="V40" s="96">
        <v>1.4E-2</v>
      </c>
      <c r="W40" s="97">
        <v>4.2056733048442688E-3</v>
      </c>
      <c r="X40" s="104">
        <v>3234</v>
      </c>
      <c r="Y40" s="105">
        <v>4.0999999999999996</v>
      </c>
      <c r="Z40" s="106">
        <v>5.8799999999999998E-2</v>
      </c>
      <c r="AA40" s="107">
        <v>0.152</v>
      </c>
      <c r="AB40" s="97">
        <v>1.2633231768408278E-2</v>
      </c>
      <c r="AC40" s="107">
        <v>0.26100000000000001</v>
      </c>
      <c r="AD40" s="97">
        <v>1.5441616896186072E-2</v>
      </c>
      <c r="AE40" s="107">
        <v>0.57599999999999996</v>
      </c>
      <c r="AF40" s="97">
        <v>1.7369944213502183E-2</v>
      </c>
      <c r="AG40" s="96">
        <v>1.0999999999999999E-2</v>
      </c>
      <c r="AH40" s="97">
        <v>3.7641102862468159E-3</v>
      </c>
      <c r="AI40" s="104">
        <v>3234</v>
      </c>
      <c r="AJ40" s="105">
        <v>4.8</v>
      </c>
      <c r="AK40" s="106">
        <v>5.8799999999999998E-2</v>
      </c>
      <c r="AL40" s="107">
        <v>0.27</v>
      </c>
      <c r="AM40" s="97">
        <v>1.5609131536323356E-2</v>
      </c>
      <c r="AN40" s="107">
        <v>0.27900000000000003</v>
      </c>
      <c r="AO40" s="97">
        <v>1.5768538704231796E-2</v>
      </c>
      <c r="AP40" s="107">
        <v>0.372</v>
      </c>
      <c r="AQ40" s="97">
        <v>1.6989494785070877E-2</v>
      </c>
      <c r="AR40" s="96">
        <v>7.9000000000000001E-2</v>
      </c>
      <c r="AS40" s="97">
        <v>9.5090498120661924E-3</v>
      </c>
    </row>
    <row r="41" spans="1:45">
      <c r="A41" s="45" t="s">
        <v>440</v>
      </c>
      <c r="B41" s="100">
        <v>2980</v>
      </c>
      <c r="C41" s="101">
        <v>4.63</v>
      </c>
      <c r="D41" s="102">
        <v>5.8799999999999998E-2</v>
      </c>
      <c r="E41" s="103">
        <v>0.18</v>
      </c>
      <c r="F41" s="94">
        <v>1.4079168477780906E-2</v>
      </c>
      <c r="G41" s="103">
        <v>0.23699999999999999</v>
      </c>
      <c r="H41" s="94">
        <v>1.5577201813518451E-2</v>
      </c>
      <c r="I41" s="103">
        <v>0.57099999999999995</v>
      </c>
      <c r="J41" s="94">
        <v>1.8121296170963457E-2</v>
      </c>
      <c r="K41" s="93">
        <v>1.2999999999999999E-2</v>
      </c>
      <c r="L41" s="94">
        <v>4.2487051576815277E-3</v>
      </c>
      <c r="M41" s="100">
        <v>2980</v>
      </c>
      <c r="N41" s="101">
        <v>4.83</v>
      </c>
      <c r="O41" s="102">
        <v>3.9199999999999999E-2</v>
      </c>
      <c r="P41" s="103">
        <v>0.125</v>
      </c>
      <c r="Q41" s="94">
        <v>1.2129316513419803E-2</v>
      </c>
      <c r="R41" s="103">
        <v>0.247</v>
      </c>
      <c r="S41" s="94">
        <v>1.5797074884521884E-2</v>
      </c>
      <c r="T41" s="103">
        <v>0.61499999999999999</v>
      </c>
      <c r="U41" s="94">
        <v>1.781685318379388E-2</v>
      </c>
      <c r="V41" s="93">
        <v>1.2999999999999999E-2</v>
      </c>
      <c r="W41" s="94">
        <v>4.2487051576815277E-3</v>
      </c>
      <c r="X41" s="100">
        <v>2830</v>
      </c>
      <c r="Y41" s="101">
        <v>4.12</v>
      </c>
      <c r="Z41" s="102">
        <v>5.8799999999999998E-2</v>
      </c>
      <c r="AA41" s="103">
        <v>0.28100000000000003</v>
      </c>
      <c r="AB41" s="94">
        <v>1.6892465399917404E-2</v>
      </c>
      <c r="AC41" s="103">
        <v>0.27500000000000002</v>
      </c>
      <c r="AD41" s="94">
        <v>1.6781118480962174E-2</v>
      </c>
      <c r="AE41" s="103">
        <v>0.374</v>
      </c>
      <c r="AF41" s="94">
        <v>1.8180029066358305E-2</v>
      </c>
      <c r="AG41" s="93">
        <v>7.0000000000000007E-2</v>
      </c>
      <c r="AH41" s="94">
        <v>9.6239512020533449E-3</v>
      </c>
      <c r="AI41" s="100">
        <v>2971</v>
      </c>
      <c r="AJ41" s="101">
        <v>4.74</v>
      </c>
      <c r="AK41" s="102">
        <v>5.8799999999999998E-2</v>
      </c>
      <c r="AL41" s="103">
        <v>0.152</v>
      </c>
      <c r="AM41" s="94">
        <v>1.3181165013251214E-2</v>
      </c>
      <c r="AN41" s="103">
        <v>0.26800000000000002</v>
      </c>
      <c r="AO41" s="94">
        <v>1.6246861964815083E-2</v>
      </c>
      <c r="AP41" s="103">
        <v>0.56799999999999995</v>
      </c>
      <c r="AQ41" s="94">
        <v>1.8164085940461695E-2</v>
      </c>
      <c r="AR41" s="93">
        <v>1.2E-2</v>
      </c>
      <c r="AS41" s="94">
        <v>4.0989372206441848E-3</v>
      </c>
    </row>
    <row r="42" spans="1:45">
      <c r="A42" s="49" t="s">
        <v>452</v>
      </c>
      <c r="B42" s="104">
        <v>520</v>
      </c>
      <c r="C42" s="105">
        <v>4.5999999999999996</v>
      </c>
      <c r="D42" s="106">
        <v>0.13720000000000002</v>
      </c>
      <c r="E42" s="107">
        <v>0.185</v>
      </c>
      <c r="F42" s="97">
        <v>3.4095074020250429E-2</v>
      </c>
      <c r="G42" s="107">
        <v>0.253</v>
      </c>
      <c r="H42" s="97">
        <v>3.8075746123883571E-2</v>
      </c>
      <c r="I42" s="107">
        <v>0.55300000000000005</v>
      </c>
      <c r="J42" s="97">
        <v>4.3442839676620756E-2</v>
      </c>
      <c r="K42" s="96">
        <v>8.0000000000000002E-3</v>
      </c>
      <c r="L42" s="97">
        <v>9.4171875171631461E-3</v>
      </c>
      <c r="M42" s="104">
        <v>518</v>
      </c>
      <c r="N42" s="105">
        <v>4.8</v>
      </c>
      <c r="O42" s="106">
        <v>0.1176</v>
      </c>
      <c r="P42" s="107">
        <v>9.2999999999999999E-2</v>
      </c>
      <c r="Q42" s="97">
        <v>2.5802069363891539E-2</v>
      </c>
      <c r="R42" s="107">
        <v>0.31900000000000001</v>
      </c>
      <c r="S42" s="97">
        <v>4.0847268145083632E-2</v>
      </c>
      <c r="T42" s="107">
        <v>0.57299999999999995</v>
      </c>
      <c r="U42" s="97">
        <v>4.3307008589639748E-2</v>
      </c>
      <c r="V42" s="96">
        <v>1.4999999999999999E-2</v>
      </c>
      <c r="W42" s="97">
        <v>1.1863259441035594E-2</v>
      </c>
      <c r="X42" s="104">
        <v>516</v>
      </c>
      <c r="Y42" s="105">
        <v>3.8</v>
      </c>
      <c r="Z42" s="106">
        <v>0.13720000000000002</v>
      </c>
      <c r="AA42" s="107">
        <v>0.16600000000000001</v>
      </c>
      <c r="AB42" s="97">
        <v>3.2834508723773269E-2</v>
      </c>
      <c r="AC42" s="107">
        <v>0.308</v>
      </c>
      <c r="AD42" s="97">
        <v>4.0544463452037001E-2</v>
      </c>
      <c r="AE42" s="107">
        <v>0.52300000000000002</v>
      </c>
      <c r="AF42" s="97">
        <v>4.3807191819096356E-2</v>
      </c>
      <c r="AG42" s="96">
        <v>3.0000000000000001E-3</v>
      </c>
      <c r="AH42" s="97">
        <v>7.2199097290216001E-3</v>
      </c>
      <c r="AI42" s="104">
        <v>513</v>
      </c>
      <c r="AJ42" s="105">
        <v>4.7</v>
      </c>
      <c r="AK42" s="106">
        <v>0.13720000000000002</v>
      </c>
      <c r="AL42" s="107">
        <v>0.36499999999999999</v>
      </c>
      <c r="AM42" s="97">
        <v>4.237220364111019E-2</v>
      </c>
      <c r="AN42" s="107">
        <v>0.29299999999999998</v>
      </c>
      <c r="AO42" s="97">
        <v>4.0097702309270997E-2</v>
      </c>
      <c r="AP42" s="107">
        <v>0.27300000000000002</v>
      </c>
      <c r="AQ42" s="97">
        <v>3.9264541410487387E-2</v>
      </c>
      <c r="AR42" s="96">
        <v>6.9000000000000006E-2</v>
      </c>
      <c r="AS42" s="97">
        <v>2.2785234820834992E-2</v>
      </c>
    </row>
    <row r="43" spans="1:45">
      <c r="A43" s="45" t="s">
        <v>441</v>
      </c>
      <c r="B43" s="100">
        <v>137</v>
      </c>
      <c r="C43" s="101">
        <v>4.7</v>
      </c>
      <c r="D43" s="102">
        <v>0.27440000000000003</v>
      </c>
      <c r="E43" s="103">
        <v>0.185</v>
      </c>
      <c r="F43" s="94">
        <v>6.6593917490219881E-2</v>
      </c>
      <c r="G43" s="103">
        <v>0.249</v>
      </c>
      <c r="H43" s="94">
        <v>7.3518043781794537E-2</v>
      </c>
      <c r="I43" s="103">
        <v>0.56699999999999995</v>
      </c>
      <c r="J43" s="94">
        <v>8.3498347091963451E-2</v>
      </c>
      <c r="K43" s="93">
        <v>0</v>
      </c>
      <c r="L43" s="94">
        <v>1.991699088628197E-2</v>
      </c>
      <c r="M43" s="100">
        <v>137</v>
      </c>
      <c r="N43" s="101">
        <v>4.9000000000000004</v>
      </c>
      <c r="O43" s="102">
        <v>0.23519999999999999</v>
      </c>
      <c r="P43" s="103">
        <v>0.107</v>
      </c>
      <c r="Q43" s="94">
        <v>5.4366699510465681E-2</v>
      </c>
      <c r="R43" s="103">
        <v>0.28799999999999998</v>
      </c>
      <c r="S43" s="94">
        <v>7.6736602780247243E-2</v>
      </c>
      <c r="T43" s="103">
        <v>0.59499999999999997</v>
      </c>
      <c r="U43" s="94">
        <v>8.276769053412851E-2</v>
      </c>
      <c r="V43" s="93">
        <v>0.01</v>
      </c>
      <c r="W43" s="94">
        <v>2.5726033572353167E-2</v>
      </c>
      <c r="X43" s="100">
        <v>136</v>
      </c>
      <c r="Y43" s="101">
        <v>4.3</v>
      </c>
      <c r="Z43" s="102">
        <v>0.23519999999999999</v>
      </c>
      <c r="AA43" s="103">
        <v>0.18</v>
      </c>
      <c r="AB43" s="94">
        <v>6.6196209804035039E-2</v>
      </c>
      <c r="AC43" s="103">
        <v>0.30599999999999999</v>
      </c>
      <c r="AD43" s="94">
        <v>7.8282255844954587E-2</v>
      </c>
      <c r="AE43" s="103">
        <v>0.51500000000000001</v>
      </c>
      <c r="AF43" s="94">
        <v>8.4479528115123464E-2</v>
      </c>
      <c r="AG43" s="93">
        <v>0</v>
      </c>
      <c r="AH43" s="94">
        <v>2.0058224286213251E-2</v>
      </c>
      <c r="AI43" s="100">
        <v>137</v>
      </c>
      <c r="AJ43" s="101">
        <v>4.4000000000000004</v>
      </c>
      <c r="AK43" s="102">
        <v>0.27440000000000003</v>
      </c>
      <c r="AL43" s="103">
        <v>0.186</v>
      </c>
      <c r="AM43" s="94">
        <v>6.6720279938157434E-2</v>
      </c>
      <c r="AN43" s="103">
        <v>0.378</v>
      </c>
      <c r="AO43" s="94">
        <v>8.1814268778852492E-2</v>
      </c>
      <c r="AP43" s="103">
        <v>0.32900000000000001</v>
      </c>
      <c r="AQ43" s="94">
        <v>7.9429621108812729E-2</v>
      </c>
      <c r="AR43" s="93">
        <v>0.107</v>
      </c>
      <c r="AS43" s="94">
        <v>5.4366699510465681E-2</v>
      </c>
    </row>
    <row r="44" spans="1:45">
      <c r="A44" s="49" t="s">
        <v>442</v>
      </c>
      <c r="B44" s="104">
        <v>89</v>
      </c>
      <c r="C44" s="105">
        <v>4.3</v>
      </c>
      <c r="D44" s="106">
        <v>0.29399999999999998</v>
      </c>
      <c r="E44" s="107">
        <v>0.20499999999999999</v>
      </c>
      <c r="F44" s="97">
        <v>8.5584651371304124E-2</v>
      </c>
      <c r="G44" s="107">
        <v>0.316</v>
      </c>
      <c r="H44" s="97">
        <v>9.7051967684408158E-2</v>
      </c>
      <c r="I44" s="107">
        <v>0.437</v>
      </c>
      <c r="J44" s="97">
        <v>0.10293856127799596</v>
      </c>
      <c r="K44" s="96">
        <v>4.2000000000000003E-2</v>
      </c>
      <c r="L44" s="97">
        <v>4.9899756466403655E-2</v>
      </c>
      <c r="M44" s="104">
        <v>89</v>
      </c>
      <c r="N44" s="105">
        <v>4.9000000000000004</v>
      </c>
      <c r="O44" s="106">
        <v>0.27440000000000003</v>
      </c>
      <c r="P44" s="107">
        <v>0.1</v>
      </c>
      <c r="Q44" s="97">
        <v>6.6709917008643232E-2</v>
      </c>
      <c r="R44" s="107">
        <v>0.35</v>
      </c>
      <c r="S44" s="97">
        <v>9.9329766962444513E-2</v>
      </c>
      <c r="T44" s="107">
        <v>0.50800000000000001</v>
      </c>
      <c r="U44" s="97">
        <v>0.10368301298662724</v>
      </c>
      <c r="V44" s="96">
        <v>4.2000000000000003E-2</v>
      </c>
      <c r="W44" s="97">
        <v>4.9899756466403655E-2</v>
      </c>
      <c r="X44" s="104">
        <v>89</v>
      </c>
      <c r="Y44" s="105">
        <v>3.8</v>
      </c>
      <c r="Z44" s="106">
        <v>0.3332</v>
      </c>
      <c r="AA44" s="107">
        <v>0.124</v>
      </c>
      <c r="AB44" s="97">
        <v>7.1998757865314206E-2</v>
      </c>
      <c r="AC44" s="107">
        <v>0.35199999999999998</v>
      </c>
      <c r="AD44" s="97">
        <v>9.9447872399200693E-2</v>
      </c>
      <c r="AE44" s="107">
        <v>0.52400000000000002</v>
      </c>
      <c r="AF44" s="97">
        <v>0.10358570973605354</v>
      </c>
      <c r="AG44" s="96">
        <v>0</v>
      </c>
      <c r="AH44" s="97">
        <v>3.0084393934100805E-2</v>
      </c>
      <c r="AI44" s="104">
        <v>88</v>
      </c>
      <c r="AJ44" s="105">
        <v>4.7</v>
      </c>
      <c r="AK44" s="106">
        <v>0.29399999999999998</v>
      </c>
      <c r="AL44" s="107">
        <v>0.32400000000000001</v>
      </c>
      <c r="AM44" s="97">
        <v>9.8169996623380829E-2</v>
      </c>
      <c r="AN44" s="107">
        <v>0.314</v>
      </c>
      <c r="AO44" s="97">
        <v>9.7433801152216531E-2</v>
      </c>
      <c r="AP44" s="107">
        <v>0.26600000000000001</v>
      </c>
      <c r="AQ44" s="97">
        <v>9.3227604327243252E-2</v>
      </c>
      <c r="AR44" s="96">
        <v>9.7000000000000003E-2</v>
      </c>
      <c r="AS44" s="97">
        <v>6.6400140910332223E-2</v>
      </c>
    </row>
    <row r="45" spans="1:45">
      <c r="A45" s="45" t="s">
        <v>443</v>
      </c>
      <c r="B45" s="100">
        <v>107</v>
      </c>
      <c r="C45" s="101">
        <v>4.3</v>
      </c>
      <c r="D45" s="102">
        <v>0.29399999999999998</v>
      </c>
      <c r="E45" s="103">
        <v>0.19900000000000001</v>
      </c>
      <c r="F45" s="94">
        <v>7.7299265806632517E-2</v>
      </c>
      <c r="G45" s="103">
        <v>0.33</v>
      </c>
      <c r="H45" s="94">
        <v>8.9673150935021373E-2</v>
      </c>
      <c r="I45" s="103">
        <v>0.47099999999999997</v>
      </c>
      <c r="J45" s="94">
        <v>9.4767333957171865E-2</v>
      </c>
      <c r="K45" s="93">
        <v>0</v>
      </c>
      <c r="L45" s="94">
        <v>2.5250720474759302E-2</v>
      </c>
      <c r="M45" s="100">
        <v>107</v>
      </c>
      <c r="N45" s="101">
        <v>4.5</v>
      </c>
      <c r="O45" s="102">
        <v>0.27440000000000003</v>
      </c>
      <c r="P45" s="103">
        <v>0.13100000000000001</v>
      </c>
      <c r="Q45" s="94">
        <v>6.6705102602071534E-2</v>
      </c>
      <c r="R45" s="103">
        <v>0.39300000000000002</v>
      </c>
      <c r="S45" s="94">
        <v>9.2874280136896553E-2</v>
      </c>
      <c r="T45" s="103">
        <v>0.47499999999999998</v>
      </c>
      <c r="U45" s="94">
        <v>9.480548762438662E-2</v>
      </c>
      <c r="V45" s="93">
        <v>0</v>
      </c>
      <c r="W45" s="94">
        <v>2.5250720474759302E-2</v>
      </c>
      <c r="X45" s="100">
        <v>107</v>
      </c>
      <c r="Y45" s="101">
        <v>3.4</v>
      </c>
      <c r="Z45" s="102">
        <v>0.29399999999999998</v>
      </c>
      <c r="AA45" s="103">
        <v>0.23499999999999999</v>
      </c>
      <c r="AB45" s="94">
        <v>8.1593381502624726E-2</v>
      </c>
      <c r="AC45" s="103">
        <v>0.26300000000000001</v>
      </c>
      <c r="AD45" s="94">
        <v>8.4428396099141739E-2</v>
      </c>
      <c r="AE45" s="103">
        <v>0.49099999999999999</v>
      </c>
      <c r="AF45" s="94">
        <v>9.4901510378542789E-2</v>
      </c>
      <c r="AG45" s="93">
        <v>1.0999999999999999E-2</v>
      </c>
      <c r="AH45" s="94">
        <v>3.1652632867943307E-2</v>
      </c>
      <c r="AI45" s="100">
        <v>105</v>
      </c>
      <c r="AJ45" s="101">
        <v>4.5</v>
      </c>
      <c r="AK45" s="102">
        <v>0.27440000000000003</v>
      </c>
      <c r="AL45" s="103">
        <v>0.57499999999999996</v>
      </c>
      <c r="AM45" s="94">
        <v>9.4777434878154709E-2</v>
      </c>
      <c r="AN45" s="103">
        <v>0.188</v>
      </c>
      <c r="AO45" s="94">
        <v>7.6546902756952695E-2</v>
      </c>
      <c r="AP45" s="103">
        <v>0.23699999999999999</v>
      </c>
      <c r="AQ45" s="94">
        <v>8.2576508819815972E-2</v>
      </c>
      <c r="AR45" s="93">
        <v>0</v>
      </c>
      <c r="AS45" s="94">
        <v>2.5709707484377786E-2</v>
      </c>
    </row>
    <row r="46" spans="1:45">
      <c r="A46" s="49" t="s">
        <v>444</v>
      </c>
      <c r="B46" s="104">
        <v>77</v>
      </c>
      <c r="C46" s="105">
        <v>5.0999999999999996</v>
      </c>
      <c r="D46" s="106">
        <v>0.31359999999999999</v>
      </c>
      <c r="E46" s="107">
        <v>0.13200000000000001</v>
      </c>
      <c r="F46" s="97">
        <v>7.9386834677047019E-2</v>
      </c>
      <c r="G46" s="107">
        <v>8.5999999999999993E-2</v>
      </c>
      <c r="H46" s="97">
        <v>6.8534581589496185E-2</v>
      </c>
      <c r="I46" s="107">
        <v>0.78100000000000003</v>
      </c>
      <c r="J46" s="97">
        <v>9.3925386418956883E-2</v>
      </c>
      <c r="K46" s="96">
        <v>1E-3</v>
      </c>
      <c r="L46" s="97">
        <v>3.5125499450541955E-2</v>
      </c>
      <c r="M46" s="104">
        <v>77</v>
      </c>
      <c r="N46" s="105">
        <v>5.4</v>
      </c>
      <c r="O46" s="106">
        <v>0.29399999999999998</v>
      </c>
      <c r="P46" s="107">
        <v>2.1000000000000001E-2</v>
      </c>
      <c r="Q46" s="97">
        <v>4.5898606775587887E-2</v>
      </c>
      <c r="R46" s="107">
        <v>0.24199999999999999</v>
      </c>
      <c r="S46" s="97">
        <v>9.6825640861687656E-2</v>
      </c>
      <c r="T46" s="107">
        <v>0.73699999999999999</v>
      </c>
      <c r="U46" s="97">
        <v>9.9192188779274756E-2</v>
      </c>
      <c r="V46" s="96">
        <v>0</v>
      </c>
      <c r="W46" s="97">
        <v>3.4485061975244265E-2</v>
      </c>
      <c r="X46" s="104">
        <v>76</v>
      </c>
      <c r="Y46" s="105">
        <v>3.9</v>
      </c>
      <c r="Z46" s="106">
        <v>0.31359999999999999</v>
      </c>
      <c r="AA46" s="107">
        <v>8.6999999999999994E-2</v>
      </c>
      <c r="AB46" s="97">
        <v>6.9304212534304147E-2</v>
      </c>
      <c r="AC46" s="107">
        <v>0.38600000000000001</v>
      </c>
      <c r="AD46" s="97">
        <v>0.10914923499502871</v>
      </c>
      <c r="AE46" s="107">
        <v>0.52700000000000002</v>
      </c>
      <c r="AF46" s="97">
        <v>0.11165618601313587</v>
      </c>
      <c r="AG46" s="96">
        <v>0</v>
      </c>
      <c r="AH46" s="97">
        <v>3.4910600109422353E-2</v>
      </c>
      <c r="AI46" s="104">
        <v>76</v>
      </c>
      <c r="AJ46" s="105">
        <v>5</v>
      </c>
      <c r="AK46" s="106">
        <v>0.31359999999999999</v>
      </c>
      <c r="AL46" s="107">
        <v>0.34599999999999997</v>
      </c>
      <c r="AM46" s="97">
        <v>0.10691031521794331</v>
      </c>
      <c r="AN46" s="107">
        <v>0.317</v>
      </c>
      <c r="AO46" s="97">
        <v>0.10482751964536793</v>
      </c>
      <c r="AP46" s="107">
        <v>0.26</v>
      </c>
      <c r="AQ46" s="97">
        <v>9.9502763780711129E-2</v>
      </c>
      <c r="AR46" s="96">
        <v>7.6999999999999999E-2</v>
      </c>
      <c r="AS46" s="97">
        <v>6.6526903392537376E-2</v>
      </c>
    </row>
    <row r="47" spans="1:45">
      <c r="A47" s="45" t="s">
        <v>445</v>
      </c>
      <c r="B47" s="100">
        <v>110</v>
      </c>
      <c r="C47" s="101">
        <v>4.8</v>
      </c>
      <c r="D47" s="102">
        <v>0.29399999999999998</v>
      </c>
      <c r="E47" s="103">
        <v>0.18</v>
      </c>
      <c r="F47" s="94">
        <v>7.3665887592708867E-2</v>
      </c>
      <c r="G47" s="103">
        <v>0.183</v>
      </c>
      <c r="H47" s="94">
        <v>7.408841157891552E-2</v>
      </c>
      <c r="I47" s="103">
        <v>0.63700000000000001</v>
      </c>
      <c r="J47" s="94">
        <v>9.0325923575692121E-2</v>
      </c>
      <c r="K47" s="93">
        <v>0</v>
      </c>
      <c r="L47" s="94">
        <v>2.4592162949139032E-2</v>
      </c>
      <c r="M47" s="100">
        <v>108</v>
      </c>
      <c r="N47" s="101">
        <v>4.9000000000000004</v>
      </c>
      <c r="O47" s="102">
        <v>0.23519999999999999</v>
      </c>
      <c r="P47" s="103">
        <v>5.0999999999999997E-2</v>
      </c>
      <c r="Q47" s="94">
        <v>4.7261403497658769E-2</v>
      </c>
      <c r="R47" s="103">
        <v>0.25800000000000001</v>
      </c>
      <c r="S47" s="94">
        <v>8.3568715070198155E-2</v>
      </c>
      <c r="T47" s="103">
        <v>0.66200000000000003</v>
      </c>
      <c r="U47" s="94">
        <v>8.9761011449207936E-2</v>
      </c>
      <c r="V47" s="93">
        <v>2.9000000000000001E-2</v>
      </c>
      <c r="W47" s="94">
        <v>3.9515740649907941E-2</v>
      </c>
      <c r="X47" s="100">
        <v>108</v>
      </c>
      <c r="Y47" s="101">
        <v>4</v>
      </c>
      <c r="Z47" s="102">
        <v>0.27440000000000003</v>
      </c>
      <c r="AA47" s="103">
        <v>0.13400000000000001</v>
      </c>
      <c r="AB47" s="94">
        <v>6.6933181892036328E-2</v>
      </c>
      <c r="AC47" s="103">
        <v>0.27900000000000003</v>
      </c>
      <c r="AD47" s="94">
        <v>8.5478766298852024E-2</v>
      </c>
      <c r="AE47" s="103">
        <v>0.58699999999999997</v>
      </c>
      <c r="AF47" s="94">
        <v>9.3151564000444262E-2</v>
      </c>
      <c r="AG47" s="93">
        <v>0</v>
      </c>
      <c r="AH47" s="94">
        <v>2.5027317436669111E-2</v>
      </c>
      <c r="AI47" s="100">
        <v>107</v>
      </c>
      <c r="AJ47" s="101">
        <v>4.9000000000000004</v>
      </c>
      <c r="AK47" s="102">
        <v>0.27440000000000003</v>
      </c>
      <c r="AL47" s="103">
        <v>0.30399999999999999</v>
      </c>
      <c r="AM47" s="94">
        <v>8.7878465187072985E-2</v>
      </c>
      <c r="AN47" s="103">
        <v>0.32200000000000001</v>
      </c>
      <c r="AO47" s="94">
        <v>8.9151836635419521E-2</v>
      </c>
      <c r="AP47" s="103">
        <v>0.27500000000000002</v>
      </c>
      <c r="AQ47" s="94">
        <v>8.552074870342756E-2</v>
      </c>
      <c r="AR47" s="93">
        <v>9.8000000000000004E-2</v>
      </c>
      <c r="AS47" s="94">
        <v>5.9979959669549561E-2</v>
      </c>
    </row>
    <row r="48" spans="1:45">
      <c r="A48" s="49" t="s">
        <v>453</v>
      </c>
      <c r="B48" s="104">
        <v>871</v>
      </c>
      <c r="C48" s="105">
        <v>4.8</v>
      </c>
      <c r="D48" s="106">
        <v>9.8000000000000004E-2</v>
      </c>
      <c r="E48" s="107">
        <v>0.153</v>
      </c>
      <c r="F48" s="97">
        <v>2.4442526498669435E-2</v>
      </c>
      <c r="G48" s="107">
        <v>0.21</v>
      </c>
      <c r="H48" s="97">
        <v>2.7602662957856339E-2</v>
      </c>
      <c r="I48" s="107">
        <v>0.63100000000000001</v>
      </c>
      <c r="J48" s="97">
        <v>3.2636214202126604E-2</v>
      </c>
      <c r="K48" s="96">
        <v>6.0000000000000001E-3</v>
      </c>
      <c r="L48" s="97">
        <v>6.1188557030484765E-3</v>
      </c>
      <c r="M48" s="104">
        <v>871</v>
      </c>
      <c r="N48" s="105">
        <v>4.9000000000000004</v>
      </c>
      <c r="O48" s="106">
        <v>9.8000000000000004E-2</v>
      </c>
      <c r="P48" s="107">
        <v>0.14599999999999999</v>
      </c>
      <c r="Q48" s="97">
        <v>2.3983530295320694E-2</v>
      </c>
      <c r="R48" s="107">
        <v>0.218</v>
      </c>
      <c r="S48" s="97">
        <v>2.7975615070036361E-2</v>
      </c>
      <c r="T48" s="107">
        <v>0.624</v>
      </c>
      <c r="U48" s="97">
        <v>3.2759854124524909E-2</v>
      </c>
      <c r="V48" s="96">
        <v>1.2999999999999999E-2</v>
      </c>
      <c r="W48" s="97">
        <v>8.2792535033078297E-3</v>
      </c>
      <c r="X48" s="104">
        <v>868</v>
      </c>
      <c r="Y48" s="105">
        <v>4.2</v>
      </c>
      <c r="Z48" s="106">
        <v>9.8000000000000004E-2</v>
      </c>
      <c r="AA48" s="107">
        <v>0.14099999999999999</v>
      </c>
      <c r="AB48" s="97">
        <v>2.3685504662292689E-2</v>
      </c>
      <c r="AC48" s="107">
        <v>0.23100000000000001</v>
      </c>
      <c r="AD48" s="97">
        <v>2.8598882040539203E-2</v>
      </c>
      <c r="AE48" s="107">
        <v>0.622</v>
      </c>
      <c r="AF48" s="97">
        <v>3.2850246621167312E-2</v>
      </c>
      <c r="AG48" s="96">
        <v>6.0000000000000001E-3</v>
      </c>
      <c r="AH48" s="97">
        <v>6.132230755280659E-3</v>
      </c>
      <c r="AI48" s="104">
        <v>873</v>
      </c>
      <c r="AJ48" s="105">
        <v>4.9000000000000004</v>
      </c>
      <c r="AK48" s="106">
        <v>9.8000000000000004E-2</v>
      </c>
      <c r="AL48" s="107">
        <v>0.26400000000000001</v>
      </c>
      <c r="AM48" s="97">
        <v>2.9808273756184514E-2</v>
      </c>
      <c r="AN48" s="107">
        <v>0.26100000000000001</v>
      </c>
      <c r="AO48" s="97">
        <v>2.970004894081521E-2</v>
      </c>
      <c r="AP48" s="107">
        <v>0.40300000000000002</v>
      </c>
      <c r="AQ48" s="97">
        <v>3.3131962626049477E-2</v>
      </c>
      <c r="AR48" s="96">
        <v>7.1999999999999995E-2</v>
      </c>
      <c r="AS48" s="97">
        <v>1.7673485409555011E-2</v>
      </c>
    </row>
    <row r="49" spans="1:45">
      <c r="A49" s="45" t="s">
        <v>446</v>
      </c>
      <c r="B49" s="83">
        <v>102</v>
      </c>
      <c r="C49" s="84">
        <v>4.8</v>
      </c>
      <c r="D49" s="85">
        <v>0.31359999999999999</v>
      </c>
      <c r="E49" s="98">
        <v>0.17599999999999999</v>
      </c>
      <c r="F49" s="94">
        <v>7.5933742656189018E-2</v>
      </c>
      <c r="G49" s="98">
        <v>0.19400000000000001</v>
      </c>
      <c r="H49" s="94">
        <v>7.8499496643952074E-2</v>
      </c>
      <c r="I49" s="98">
        <v>0.63</v>
      </c>
      <c r="J49" s="94">
        <v>9.4039615537037269E-2</v>
      </c>
      <c r="K49" s="98">
        <v>0</v>
      </c>
      <c r="L49" s="94">
        <v>2.6430347017829241E-2</v>
      </c>
      <c r="M49" s="83">
        <v>102</v>
      </c>
      <c r="N49" s="84">
        <v>5.0999999999999996</v>
      </c>
      <c r="O49" s="85">
        <v>0.29399999999999998</v>
      </c>
      <c r="P49" s="98">
        <v>0.11799999999999999</v>
      </c>
      <c r="Q49" s="94">
        <v>6.5841816479977791E-2</v>
      </c>
      <c r="R49" s="98">
        <v>0.12</v>
      </c>
      <c r="S49" s="94">
        <v>6.6244968033904783E-2</v>
      </c>
      <c r="T49" s="98">
        <v>0.76200000000000001</v>
      </c>
      <c r="U49" s="94">
        <v>8.3877478161017621E-2</v>
      </c>
      <c r="V49" s="98">
        <v>0</v>
      </c>
      <c r="W49" s="94">
        <v>2.6430347017829241E-2</v>
      </c>
      <c r="X49" s="83">
        <v>101</v>
      </c>
      <c r="Y49" s="84">
        <v>4.3</v>
      </c>
      <c r="Z49" s="85">
        <v>0.29399999999999998</v>
      </c>
      <c r="AA49" s="98">
        <v>3.9E-2</v>
      </c>
      <c r="AB49" s="94">
        <v>4.5087282840797736E-2</v>
      </c>
      <c r="AC49" s="98">
        <v>0.191</v>
      </c>
      <c r="AD49" s="94">
        <v>7.8474788508710758E-2</v>
      </c>
      <c r="AE49" s="98">
        <v>0.77</v>
      </c>
      <c r="AF49" s="94">
        <v>8.3392015101577038E-2</v>
      </c>
      <c r="AG49" s="98">
        <v>0</v>
      </c>
      <c r="AH49" s="94">
        <v>2.6679621084077194E-2</v>
      </c>
      <c r="AI49" s="83">
        <v>102</v>
      </c>
      <c r="AJ49" s="84">
        <v>5.5</v>
      </c>
      <c r="AK49" s="85">
        <v>0.27440000000000003</v>
      </c>
      <c r="AL49" s="98">
        <v>0.21199999999999999</v>
      </c>
      <c r="AM49" s="94">
        <v>8.0844087716231749E-2</v>
      </c>
      <c r="AN49" s="98">
        <v>0.26800000000000002</v>
      </c>
      <c r="AO49" s="94">
        <v>8.690952650082262E-2</v>
      </c>
      <c r="AP49" s="98">
        <v>0.443</v>
      </c>
      <c r="AQ49" s="94">
        <v>9.6542410465444359E-2</v>
      </c>
      <c r="AR49" s="98">
        <v>7.6999999999999999E-2</v>
      </c>
      <c r="AS49" s="94">
        <v>5.640830983706635E-2</v>
      </c>
    </row>
    <row r="50" spans="1:45">
      <c r="A50" s="49" t="s">
        <v>447</v>
      </c>
      <c r="B50" s="104">
        <v>176</v>
      </c>
      <c r="C50" s="105">
        <v>4.5</v>
      </c>
      <c r="D50" s="106">
        <v>0.23519999999999999</v>
      </c>
      <c r="E50" s="107">
        <v>0.22500000000000001</v>
      </c>
      <c r="F50" s="97">
        <v>6.2839967011820111E-2</v>
      </c>
      <c r="G50" s="107">
        <v>0.216</v>
      </c>
      <c r="H50" s="97">
        <v>6.1983668276885527E-2</v>
      </c>
      <c r="I50" s="107">
        <v>0.55500000000000005</v>
      </c>
      <c r="J50" s="97">
        <v>7.4103223894073589E-2</v>
      </c>
      <c r="K50" s="96">
        <v>4.0000000000000001E-3</v>
      </c>
      <c r="L50" s="97">
        <v>1.8133183247986975E-2</v>
      </c>
      <c r="M50" s="104">
        <v>175</v>
      </c>
      <c r="N50" s="105">
        <v>4.4000000000000004</v>
      </c>
      <c r="O50" s="106">
        <v>0.21559999999999999</v>
      </c>
      <c r="P50" s="107">
        <v>0.25600000000000001</v>
      </c>
      <c r="Q50" s="97">
        <v>6.5688463466278615E-2</v>
      </c>
      <c r="R50" s="107">
        <v>0.26900000000000002</v>
      </c>
      <c r="S50" s="97">
        <v>6.6684817365713217E-2</v>
      </c>
      <c r="T50" s="107">
        <v>0.46400000000000002</v>
      </c>
      <c r="U50" s="97">
        <v>7.455810596188317E-2</v>
      </c>
      <c r="V50" s="96">
        <v>1.0999999999999999E-2</v>
      </c>
      <c r="W50" s="97">
        <v>2.1891844127046697E-2</v>
      </c>
      <c r="X50" s="104">
        <v>176</v>
      </c>
      <c r="Y50" s="105">
        <v>4.0999999999999996</v>
      </c>
      <c r="Z50" s="106">
        <v>0.23519999999999999</v>
      </c>
      <c r="AA50" s="107">
        <v>0.17199999999999999</v>
      </c>
      <c r="AB50" s="97">
        <v>5.7182822442073469E-2</v>
      </c>
      <c r="AC50" s="107">
        <v>0.27500000000000002</v>
      </c>
      <c r="AD50" s="97">
        <v>6.6932802122726037E-2</v>
      </c>
      <c r="AE50" s="107">
        <v>0.55300000000000005</v>
      </c>
      <c r="AF50" s="97">
        <v>7.4134181242745484E-2</v>
      </c>
      <c r="AG50" s="96">
        <v>0</v>
      </c>
      <c r="AH50" s="97">
        <v>1.5625943044243692E-2</v>
      </c>
      <c r="AI50" s="104">
        <v>176</v>
      </c>
      <c r="AJ50" s="105">
        <v>4.7</v>
      </c>
      <c r="AK50" s="106">
        <v>0.21559999999999999</v>
      </c>
      <c r="AL50" s="107">
        <v>0.34</v>
      </c>
      <c r="AM50" s="97">
        <v>7.0793147157753297E-2</v>
      </c>
      <c r="AN50" s="107">
        <v>0.23200000000000001</v>
      </c>
      <c r="AO50" s="97">
        <v>6.3479254552754383E-2</v>
      </c>
      <c r="AP50" s="107">
        <v>0.40100000000000002</v>
      </c>
      <c r="AQ50" s="97">
        <v>7.3125426494482754E-2</v>
      </c>
      <c r="AR50" s="96">
        <v>2.8000000000000001E-2</v>
      </c>
      <c r="AS50" s="97">
        <v>2.8677321400169414E-2</v>
      </c>
    </row>
    <row r="51" spans="1:45">
      <c r="A51" s="57" t="s">
        <v>448</v>
      </c>
      <c r="B51" s="100">
        <v>220</v>
      </c>
      <c r="C51" s="101">
        <v>5.0999999999999996</v>
      </c>
      <c r="D51" s="102">
        <v>0.1764</v>
      </c>
      <c r="E51" s="103">
        <v>7.8E-2</v>
      </c>
      <c r="F51" s="94">
        <v>3.7373442601891918E-2</v>
      </c>
      <c r="G51" s="103">
        <v>0.16800000000000001</v>
      </c>
      <c r="H51" s="94">
        <v>5.0652426163403728E-2</v>
      </c>
      <c r="I51" s="103">
        <v>0.754</v>
      </c>
      <c r="J51" s="94">
        <v>5.7905028487703965E-2</v>
      </c>
      <c r="K51" s="93">
        <v>0</v>
      </c>
      <c r="L51" s="94">
        <v>1.2570410296190703E-2</v>
      </c>
      <c r="M51" s="100">
        <v>220</v>
      </c>
      <c r="N51" s="101">
        <v>5.0999999999999996</v>
      </c>
      <c r="O51" s="102">
        <v>0.15679999999999999</v>
      </c>
      <c r="P51" s="103">
        <v>0.115</v>
      </c>
      <c r="Q51" s="94">
        <v>4.371610613112583E-2</v>
      </c>
      <c r="R51" s="103">
        <v>0.17699999999999999</v>
      </c>
      <c r="S51" s="94">
        <v>5.1645039787107147E-2</v>
      </c>
      <c r="T51" s="103">
        <v>0.68400000000000005</v>
      </c>
      <c r="U51" s="94">
        <v>6.2298582152344517E-2</v>
      </c>
      <c r="V51" s="93">
        <v>2.4E-2</v>
      </c>
      <c r="W51" s="94">
        <v>2.3695897022781933E-2</v>
      </c>
      <c r="X51" s="100">
        <v>218</v>
      </c>
      <c r="Y51" s="101">
        <v>4.4000000000000004</v>
      </c>
      <c r="Z51" s="102">
        <v>0.1764</v>
      </c>
      <c r="AA51" s="103">
        <v>8.3000000000000004E-2</v>
      </c>
      <c r="AB51" s="94">
        <v>3.851308830644519E-2</v>
      </c>
      <c r="AC51" s="103">
        <v>0.19500000000000001</v>
      </c>
      <c r="AD51" s="94">
        <v>5.3742303330192649E-2</v>
      </c>
      <c r="AE51" s="103">
        <v>0.72199999999999998</v>
      </c>
      <c r="AF51" s="94">
        <v>6.0400465364235538E-2</v>
      </c>
      <c r="AG51" s="93">
        <v>0</v>
      </c>
      <c r="AH51" s="94">
        <v>1.2683142508314297E-2</v>
      </c>
      <c r="AI51" s="100">
        <v>220</v>
      </c>
      <c r="AJ51" s="101">
        <v>5.2</v>
      </c>
      <c r="AK51" s="102">
        <v>0.15679999999999999</v>
      </c>
      <c r="AL51" s="103">
        <v>0.19600000000000001</v>
      </c>
      <c r="AM51" s="94">
        <v>5.3594892820521142E-2</v>
      </c>
      <c r="AN51" s="103">
        <v>0.253</v>
      </c>
      <c r="AO51" s="94">
        <v>5.8424315885815759E-2</v>
      </c>
      <c r="AP51" s="103">
        <v>0.41899999999999998</v>
      </c>
      <c r="AQ51" s="94">
        <v>6.5964171724526663E-2</v>
      </c>
      <c r="AR51" s="93">
        <v>0.13200000000000001</v>
      </c>
      <c r="AS51" s="94">
        <v>4.6169212792861618E-2</v>
      </c>
    </row>
    <row r="52" spans="1:45">
      <c r="A52" s="49" t="s">
        <v>449</v>
      </c>
      <c r="B52" s="104">
        <v>110</v>
      </c>
      <c r="C52" s="105">
        <v>4.9000000000000004</v>
      </c>
      <c r="D52" s="106">
        <v>0.27440000000000003</v>
      </c>
      <c r="E52" s="107">
        <v>0.11700000000000001</v>
      </c>
      <c r="F52" s="97">
        <v>6.3085675254670751E-2</v>
      </c>
      <c r="G52" s="107">
        <v>0.29299999999999998</v>
      </c>
      <c r="H52" s="97">
        <v>8.5861004343478167E-2</v>
      </c>
      <c r="I52" s="107">
        <v>0.59</v>
      </c>
      <c r="J52" s="97">
        <v>9.2235101731117347E-2</v>
      </c>
      <c r="K52" s="96">
        <v>0</v>
      </c>
      <c r="L52" s="97">
        <v>2.4592162949139032E-2</v>
      </c>
      <c r="M52" s="104">
        <v>109</v>
      </c>
      <c r="N52" s="105">
        <v>5.2</v>
      </c>
      <c r="O52" s="106">
        <v>0.25480000000000003</v>
      </c>
      <c r="P52" s="107">
        <v>5.7000000000000002E-2</v>
      </c>
      <c r="Q52" s="97">
        <v>4.884464362540774E-2</v>
      </c>
      <c r="R52" s="107">
        <v>0.24099999999999999</v>
      </c>
      <c r="S52" s="97">
        <v>8.1487073197074072E-2</v>
      </c>
      <c r="T52" s="107">
        <v>0.70199999999999996</v>
      </c>
      <c r="U52" s="97">
        <v>8.6634957879871854E-2</v>
      </c>
      <c r="V52" s="96">
        <v>0</v>
      </c>
      <c r="W52" s="97">
        <v>2.4807832313658393E-2</v>
      </c>
      <c r="X52" s="104">
        <v>111</v>
      </c>
      <c r="Y52" s="105">
        <v>4.3</v>
      </c>
      <c r="Z52" s="106">
        <v>0.29399999999999998</v>
      </c>
      <c r="AA52" s="107">
        <v>0.09</v>
      </c>
      <c r="AB52" s="97">
        <v>5.6994443861232688E-2</v>
      </c>
      <c r="AC52" s="107">
        <v>0.377</v>
      </c>
      <c r="AD52" s="97">
        <v>9.058364352936725E-2</v>
      </c>
      <c r="AE52" s="107">
        <v>0.53300000000000003</v>
      </c>
      <c r="AF52" s="97">
        <v>9.3061071862750103E-2</v>
      </c>
      <c r="AG52" s="96">
        <v>0</v>
      </c>
      <c r="AH52" s="97">
        <v>2.4380210707016403E-2</v>
      </c>
      <c r="AI52" s="104">
        <v>111</v>
      </c>
      <c r="AJ52" s="105">
        <v>4.8</v>
      </c>
      <c r="AK52" s="106">
        <v>0.27440000000000003</v>
      </c>
      <c r="AL52" s="107">
        <v>0.22700000000000001</v>
      </c>
      <c r="AM52" s="97">
        <v>7.9249843489462485E-2</v>
      </c>
      <c r="AN52" s="107">
        <v>0.318</v>
      </c>
      <c r="AO52" s="97">
        <v>8.7305600967064356E-2</v>
      </c>
      <c r="AP52" s="107">
        <v>0.42099999999999999</v>
      </c>
      <c r="AQ52" s="97">
        <v>9.2159711271727493E-2</v>
      </c>
      <c r="AR52" s="96">
        <v>3.4000000000000002E-2</v>
      </c>
      <c r="AS52" s="97">
        <v>4.0727208097431911E-2</v>
      </c>
    </row>
    <row r="53" spans="1:45">
      <c r="A53" s="57" t="s">
        <v>450</v>
      </c>
      <c r="B53" s="100">
        <v>112</v>
      </c>
      <c r="C53" s="101">
        <v>4.5</v>
      </c>
      <c r="D53" s="102">
        <v>0.27440000000000003</v>
      </c>
      <c r="E53" s="103">
        <v>0.26300000000000001</v>
      </c>
      <c r="F53" s="94">
        <v>8.255362641436742E-2</v>
      </c>
      <c r="G53" s="103">
        <v>0.185</v>
      </c>
      <c r="H53" s="94">
        <v>7.3695580484637813E-2</v>
      </c>
      <c r="I53" s="103">
        <v>0.53900000000000003</v>
      </c>
      <c r="J53" s="94">
        <v>9.2583995040195891E-2</v>
      </c>
      <c r="K53" s="93">
        <v>1.2E-2</v>
      </c>
      <c r="L53" s="94">
        <v>3.107086254553397E-2</v>
      </c>
      <c r="M53" s="100">
        <v>114</v>
      </c>
      <c r="N53" s="101">
        <v>4.5999999999999996</v>
      </c>
      <c r="O53" s="102">
        <v>0.25480000000000003</v>
      </c>
      <c r="P53" s="103">
        <v>0.16800000000000001</v>
      </c>
      <c r="Q53" s="94">
        <v>7.0620051817631049E-2</v>
      </c>
      <c r="R53" s="103">
        <v>0.245</v>
      </c>
      <c r="S53" s="94">
        <v>8.0107714490902135E-2</v>
      </c>
      <c r="T53" s="103">
        <v>0.58799999999999997</v>
      </c>
      <c r="U53" s="94">
        <v>9.0716940722935596E-2</v>
      </c>
      <c r="V53" s="93">
        <v>0</v>
      </c>
      <c r="W53" s="94">
        <v>2.3765720057393202E-2</v>
      </c>
      <c r="X53" s="100">
        <v>114</v>
      </c>
      <c r="Y53" s="101">
        <v>4</v>
      </c>
      <c r="Z53" s="102">
        <v>0.27440000000000003</v>
      </c>
      <c r="AA53" s="103">
        <v>0.35099999999999998</v>
      </c>
      <c r="AB53" s="94">
        <v>8.8159839713920524E-2</v>
      </c>
      <c r="AC53" s="103">
        <v>0.13800000000000001</v>
      </c>
      <c r="AD53" s="94">
        <v>6.5791080990083253E-2</v>
      </c>
      <c r="AE53" s="103">
        <v>0.49299999999999999</v>
      </c>
      <c r="AF53" s="94">
        <v>9.2049041042747748E-2</v>
      </c>
      <c r="AG53" s="93">
        <v>1.7999999999999999E-2</v>
      </c>
      <c r="AH53" s="94">
        <v>3.352702795033298E-2</v>
      </c>
      <c r="AI53" s="100">
        <v>114</v>
      </c>
      <c r="AJ53" s="101">
        <v>4.4000000000000004</v>
      </c>
      <c r="AK53" s="102">
        <v>0.29399999999999998</v>
      </c>
      <c r="AL53" s="103">
        <v>0.29499999999999998</v>
      </c>
      <c r="AM53" s="94">
        <v>8.4527773355975597E-2</v>
      </c>
      <c r="AN53" s="103">
        <v>0.314</v>
      </c>
      <c r="AO53" s="94">
        <v>8.5906874575799333E-2</v>
      </c>
      <c r="AP53" s="103">
        <v>0.34100000000000003</v>
      </c>
      <c r="AQ53" s="94">
        <v>8.7605416562820185E-2</v>
      </c>
      <c r="AR53" s="93">
        <v>0.05</v>
      </c>
      <c r="AS53" s="94">
        <v>4.5471586137949847E-2</v>
      </c>
    </row>
    <row r="54" spans="1:45">
      <c r="A54" s="49" t="s">
        <v>451</v>
      </c>
      <c r="B54" s="104">
        <v>151</v>
      </c>
      <c r="C54" s="105">
        <v>4.8</v>
      </c>
      <c r="D54" s="106">
        <v>0.21559999999999999</v>
      </c>
      <c r="E54" s="107">
        <v>0.10100000000000001</v>
      </c>
      <c r="F54" s="97">
        <v>5.0522381433836139E-2</v>
      </c>
      <c r="G54" s="107">
        <v>0.249</v>
      </c>
      <c r="H54" s="97">
        <v>7.0061485909602539E-2</v>
      </c>
      <c r="I54" s="107">
        <v>0.628</v>
      </c>
      <c r="J54" s="97">
        <v>7.7783938056018576E-2</v>
      </c>
      <c r="K54" s="96">
        <v>2.1999999999999999E-2</v>
      </c>
      <c r="L54" s="97">
        <v>2.9251549026891307E-2</v>
      </c>
      <c r="M54" s="104">
        <v>151</v>
      </c>
      <c r="N54" s="105">
        <v>5.0999999999999996</v>
      </c>
      <c r="O54" s="106">
        <v>0.21559999999999999</v>
      </c>
      <c r="P54" s="107">
        <v>9.5000000000000001E-2</v>
      </c>
      <c r="Q54" s="97">
        <v>4.9339265326416804E-2</v>
      </c>
      <c r="R54" s="107">
        <v>0.217</v>
      </c>
      <c r="S54" s="97">
        <v>6.7008191834166272E-2</v>
      </c>
      <c r="T54" s="107">
        <v>0.66600000000000004</v>
      </c>
      <c r="U54" s="97">
        <v>7.6004735609815716E-2</v>
      </c>
      <c r="V54" s="96">
        <v>2.1999999999999999E-2</v>
      </c>
      <c r="W54" s="97">
        <v>2.9251549026891307E-2</v>
      </c>
      <c r="X54" s="104">
        <v>148</v>
      </c>
      <c r="Y54" s="105">
        <v>4.2</v>
      </c>
      <c r="Z54" s="106">
        <v>0.23519999999999999</v>
      </c>
      <c r="AA54" s="107">
        <v>8.5999999999999993E-2</v>
      </c>
      <c r="AB54" s="97">
        <v>4.798742894989446E-2</v>
      </c>
      <c r="AC54" s="107">
        <v>0.23</v>
      </c>
      <c r="AD54" s="97">
        <v>6.8993965666861085E-2</v>
      </c>
      <c r="AE54" s="107">
        <v>0.66200000000000003</v>
      </c>
      <c r="AF54" s="97">
        <v>7.6968737440780949E-2</v>
      </c>
      <c r="AG54" s="96">
        <v>2.1999999999999999E-2</v>
      </c>
      <c r="AH54" s="97">
        <v>2.9639608886240218E-2</v>
      </c>
      <c r="AI54" s="104">
        <v>150</v>
      </c>
      <c r="AJ54" s="105">
        <v>5</v>
      </c>
      <c r="AK54" s="106">
        <v>0.19600000000000001</v>
      </c>
      <c r="AL54" s="107">
        <v>0.30199999999999999</v>
      </c>
      <c r="AM54" s="97">
        <v>7.4346699670675004E-2</v>
      </c>
      <c r="AN54" s="107">
        <v>0.222</v>
      </c>
      <c r="AO54" s="97">
        <v>6.7742563418803386E-2</v>
      </c>
      <c r="AP54" s="107">
        <v>0.40300000000000002</v>
      </c>
      <c r="AQ54" s="97">
        <v>7.9130572914873645E-2</v>
      </c>
      <c r="AR54" s="96">
        <v>7.2999999999999995E-2</v>
      </c>
      <c r="AS54" s="97">
        <v>4.4727059156150141E-2</v>
      </c>
    </row>
    <row r="55" spans="1:45">
      <c r="A55" s="57" t="s">
        <v>457</v>
      </c>
      <c r="B55" s="100">
        <v>56</v>
      </c>
      <c r="C55" s="101">
        <v>4.0999999999999996</v>
      </c>
      <c r="D55" s="102">
        <v>0.39200000000000002</v>
      </c>
      <c r="E55" s="103">
        <v>0.24</v>
      </c>
      <c r="F55" s="94">
        <v>0.11287541476893566</v>
      </c>
      <c r="G55" s="103">
        <v>0.46200000000000002</v>
      </c>
      <c r="H55" s="94">
        <v>0.12877425093435296</v>
      </c>
      <c r="I55" s="103">
        <v>0.29799999999999999</v>
      </c>
      <c r="J55" s="94">
        <v>0.11957011394218937</v>
      </c>
      <c r="K55" s="93">
        <v>0</v>
      </c>
      <c r="L55" s="94">
        <v>4.6348119143587135E-2</v>
      </c>
      <c r="M55" s="100">
        <v>56</v>
      </c>
      <c r="N55" s="101">
        <v>4.5</v>
      </c>
      <c r="O55" s="102">
        <v>0.3528</v>
      </c>
      <c r="P55" s="103">
        <v>0.18</v>
      </c>
      <c r="Q55" s="94">
        <v>0.10353686049654723</v>
      </c>
      <c r="R55" s="103">
        <v>0.39100000000000001</v>
      </c>
      <c r="S55" s="94">
        <v>0.12639892639018968</v>
      </c>
      <c r="T55" s="103">
        <v>0.42899999999999999</v>
      </c>
      <c r="U55" s="94">
        <v>0.1279606004177038</v>
      </c>
      <c r="V55" s="93">
        <v>0</v>
      </c>
      <c r="W55" s="94">
        <v>4.6348119143587135E-2</v>
      </c>
      <c r="X55" s="100">
        <v>56</v>
      </c>
      <c r="Y55" s="101">
        <v>3.7</v>
      </c>
      <c r="Z55" s="102">
        <v>0.43119999999999997</v>
      </c>
      <c r="AA55" s="103">
        <v>0.34899999999999998</v>
      </c>
      <c r="AB55" s="94">
        <v>0.12386492523593473</v>
      </c>
      <c r="AC55" s="103">
        <v>0.218</v>
      </c>
      <c r="AD55" s="94">
        <v>0.10976513107540117</v>
      </c>
      <c r="AE55" s="103">
        <v>0.433</v>
      </c>
      <c r="AF55" s="94">
        <v>0.12808579994733277</v>
      </c>
      <c r="AG55" s="93">
        <v>0</v>
      </c>
      <c r="AH55" s="94">
        <v>4.6348119143587135E-2</v>
      </c>
      <c r="AI55" s="100">
        <v>56</v>
      </c>
      <c r="AJ55" s="101">
        <v>4.3</v>
      </c>
      <c r="AK55" s="102">
        <v>0.43119999999999997</v>
      </c>
      <c r="AL55" s="108">
        <v>0.45100000000000001</v>
      </c>
      <c r="AM55" s="94">
        <v>0.12855827789300392</v>
      </c>
      <c r="AN55" s="103">
        <v>0.193</v>
      </c>
      <c r="AO55" s="94">
        <v>0.10579812502714432</v>
      </c>
      <c r="AP55" s="103">
        <v>0.23300000000000001</v>
      </c>
      <c r="AQ55" s="94">
        <v>0.11192240168974217</v>
      </c>
      <c r="AR55" s="93">
        <v>0.124</v>
      </c>
      <c r="AS55" s="94">
        <v>9.1958612268619885E-2</v>
      </c>
    </row>
    <row r="56" spans="1:45">
      <c r="A56" s="49" t="s">
        <v>460</v>
      </c>
      <c r="B56" s="104">
        <v>54</v>
      </c>
      <c r="C56" s="105">
        <v>4.5999999999999996</v>
      </c>
      <c r="D56" s="106">
        <v>0.43119999999999997</v>
      </c>
      <c r="E56" s="107">
        <v>0.11600000000000001</v>
      </c>
      <c r="F56" s="97">
        <v>9.1794907122092845E-2</v>
      </c>
      <c r="G56" s="107">
        <v>0.33</v>
      </c>
      <c r="H56" s="97">
        <v>0.12455403244799805</v>
      </c>
      <c r="I56" s="107">
        <v>0.55400000000000005</v>
      </c>
      <c r="J56" s="97">
        <v>0.13064094982794011</v>
      </c>
      <c r="K56" s="96">
        <v>0</v>
      </c>
      <c r="L56" s="97">
        <v>4.7917816122734561E-2</v>
      </c>
      <c r="M56" s="104">
        <v>54</v>
      </c>
      <c r="N56" s="105">
        <v>4.7</v>
      </c>
      <c r="O56" s="106">
        <v>0.3528</v>
      </c>
      <c r="P56" s="107">
        <v>0.126</v>
      </c>
      <c r="Q56" s="97">
        <v>9.4230808782008804E-2</v>
      </c>
      <c r="R56" s="107">
        <v>0.34300000000000003</v>
      </c>
      <c r="S56" s="97">
        <v>0.12557004514472439</v>
      </c>
      <c r="T56" s="107">
        <v>0.505</v>
      </c>
      <c r="U56" s="97">
        <v>0.13130074175009063</v>
      </c>
      <c r="V56" s="96">
        <v>2.5999999999999999E-2</v>
      </c>
      <c r="W56" s="97">
        <v>6.1725297752473533E-2</v>
      </c>
      <c r="X56" s="104">
        <v>53</v>
      </c>
      <c r="Y56" s="105">
        <v>4.0999999999999996</v>
      </c>
      <c r="Z56" s="106">
        <v>0.37240000000000001</v>
      </c>
      <c r="AA56" s="107">
        <v>0.193</v>
      </c>
      <c r="AB56" s="97">
        <v>0.10874557202067532</v>
      </c>
      <c r="AC56" s="107">
        <v>0.217</v>
      </c>
      <c r="AD56" s="97">
        <v>0.11262642977349835</v>
      </c>
      <c r="AE56" s="107">
        <v>0.59</v>
      </c>
      <c r="AF56" s="97">
        <v>0.13058490627929031</v>
      </c>
      <c r="AG56" s="96">
        <v>0</v>
      </c>
      <c r="AH56" s="97">
        <v>4.8743201957104715E-2</v>
      </c>
      <c r="AI56" s="104">
        <v>54</v>
      </c>
      <c r="AJ56" s="105">
        <v>4.5999999999999996</v>
      </c>
      <c r="AK56" s="106">
        <v>0.37240000000000001</v>
      </c>
      <c r="AL56" s="107">
        <v>8.5000000000000006E-2</v>
      </c>
      <c r="AM56" s="97">
        <v>8.3340195434117664E-2</v>
      </c>
      <c r="AN56" s="107">
        <v>0.46100000000000002</v>
      </c>
      <c r="AO56" s="97">
        <v>0.13095973554901938</v>
      </c>
      <c r="AP56" s="107">
        <v>0.16900000000000001</v>
      </c>
      <c r="AQ56" s="97">
        <v>0.10340071479007665</v>
      </c>
      <c r="AR56" s="96">
        <v>0.28499999999999998</v>
      </c>
      <c r="AS56" s="97">
        <v>0.12032456244681188</v>
      </c>
    </row>
    <row r="57" spans="1:45">
      <c r="A57" s="57" t="s">
        <v>458</v>
      </c>
      <c r="B57" s="100">
        <v>74</v>
      </c>
      <c r="C57" s="101">
        <v>4.9000000000000004</v>
      </c>
      <c r="D57" s="102">
        <v>0.3332</v>
      </c>
      <c r="E57" s="103">
        <v>0.13500000000000001</v>
      </c>
      <c r="F57" s="94">
        <v>8.1677521296393482E-2</v>
      </c>
      <c r="G57" s="103">
        <v>0.26700000000000002</v>
      </c>
      <c r="H57" s="94">
        <v>0.10156123091918354</v>
      </c>
      <c r="I57" s="103">
        <v>0.55600000000000005</v>
      </c>
      <c r="J57" s="94">
        <v>0.11258669453196327</v>
      </c>
      <c r="K57" s="93">
        <v>4.2000000000000003E-2</v>
      </c>
      <c r="L57" s="94">
        <v>5.6021336965340972E-2</v>
      </c>
      <c r="M57" s="100">
        <v>74</v>
      </c>
      <c r="N57" s="101">
        <v>5</v>
      </c>
      <c r="O57" s="102">
        <v>0.29399999999999998</v>
      </c>
      <c r="P57" s="103">
        <v>7.3999999999999996E-2</v>
      </c>
      <c r="Q57" s="94">
        <v>6.6663975063249128E-2</v>
      </c>
      <c r="R57" s="103">
        <v>0.40200000000000002</v>
      </c>
      <c r="S57" s="94">
        <v>0.11125295007861695</v>
      </c>
      <c r="T57" s="103">
        <v>0.52400000000000002</v>
      </c>
      <c r="U57" s="94">
        <v>0.11311023942634914</v>
      </c>
      <c r="V57" s="93">
        <v>0</v>
      </c>
      <c r="W57" s="94">
        <v>3.5793971305236552E-2</v>
      </c>
      <c r="X57" s="100">
        <v>74</v>
      </c>
      <c r="Y57" s="101">
        <v>4.5</v>
      </c>
      <c r="Z57" s="102">
        <v>0.31359999999999999</v>
      </c>
      <c r="AA57" s="103">
        <v>8.3000000000000004E-2</v>
      </c>
      <c r="AB57" s="94">
        <v>6.9240742213956333E-2</v>
      </c>
      <c r="AC57" s="103">
        <v>0.222</v>
      </c>
      <c r="AD57" s="94">
        <v>9.6194066363507705E-2</v>
      </c>
      <c r="AE57" s="103">
        <v>0.69499999999999995</v>
      </c>
      <c r="AF57" s="94">
        <v>0.10519213190816419</v>
      </c>
      <c r="AG57" s="93">
        <v>0</v>
      </c>
      <c r="AH57" s="94">
        <v>3.5793971305236552E-2</v>
      </c>
      <c r="AI57" s="100">
        <v>72</v>
      </c>
      <c r="AJ57" s="101">
        <v>5.0999999999999996</v>
      </c>
      <c r="AK57" s="102">
        <v>0.31359999999999999</v>
      </c>
      <c r="AL57" s="108">
        <v>0.17499999999999999</v>
      </c>
      <c r="AM57" s="94">
        <v>9.0379559585040181E-2</v>
      </c>
      <c r="AN57" s="103">
        <v>0.28299999999999997</v>
      </c>
      <c r="AO57" s="94">
        <v>0.10456357834222754</v>
      </c>
      <c r="AP57" s="103">
        <v>0.49</v>
      </c>
      <c r="AQ57" s="94">
        <v>0.11468727486597245</v>
      </c>
      <c r="AR57" s="93">
        <v>5.1999999999999998E-2</v>
      </c>
      <c r="AS57" s="94">
        <v>6.0639907861295826E-2</v>
      </c>
    </row>
    <row r="61" spans="1:45" ht="18.75">
      <c r="A61" s="322" t="s">
        <v>253</v>
      </c>
      <c r="B61" s="322"/>
      <c r="C61" s="322"/>
      <c r="D61" s="322"/>
      <c r="E61" s="322"/>
      <c r="F61" s="322"/>
      <c r="G61" s="322"/>
      <c r="H61" s="322"/>
      <c r="I61" s="322"/>
      <c r="J61" s="322"/>
      <c r="K61" s="322"/>
      <c r="L61" s="322"/>
      <c r="M61" s="322"/>
      <c r="N61" s="322"/>
      <c r="O61" s="322"/>
      <c r="P61" s="322"/>
      <c r="Q61" s="322"/>
      <c r="R61" s="322"/>
      <c r="S61" s="322"/>
      <c r="T61" s="322"/>
      <c r="U61" s="322"/>
      <c r="V61" s="322"/>
      <c r="W61" s="322"/>
    </row>
    <row r="62" spans="1:45" ht="66" customHeight="1">
      <c r="A62" s="342" t="s">
        <v>383</v>
      </c>
      <c r="B62" s="342"/>
      <c r="C62" s="342"/>
      <c r="D62" s="342"/>
      <c r="E62" s="342"/>
      <c r="F62" s="342"/>
      <c r="G62" s="342"/>
      <c r="H62" s="342"/>
      <c r="I62" s="342"/>
      <c r="J62" s="342"/>
      <c r="K62" s="342"/>
      <c r="L62" s="342"/>
      <c r="M62" s="342"/>
      <c r="N62" s="342"/>
      <c r="O62" s="342"/>
      <c r="P62" s="342"/>
      <c r="Q62" s="342"/>
      <c r="R62" s="342"/>
      <c r="S62" s="342"/>
      <c r="T62" s="342"/>
      <c r="U62" s="342"/>
      <c r="V62" s="342"/>
      <c r="W62" s="342"/>
    </row>
    <row r="63" spans="1:45" ht="45.75" customHeight="1">
      <c r="A63" s="109"/>
      <c r="B63" s="339" t="s">
        <v>390</v>
      </c>
      <c r="C63" s="340"/>
      <c r="D63" s="340"/>
      <c r="E63" s="340"/>
      <c r="F63" s="340"/>
      <c r="G63" s="340"/>
      <c r="H63" s="340"/>
      <c r="I63" s="340"/>
      <c r="J63" s="340"/>
      <c r="K63" s="340"/>
      <c r="L63" s="341"/>
      <c r="M63" s="339" t="s">
        <v>254</v>
      </c>
      <c r="N63" s="340"/>
      <c r="O63" s="340"/>
      <c r="P63" s="340"/>
      <c r="Q63" s="340"/>
      <c r="R63" s="340"/>
      <c r="S63" s="340"/>
      <c r="T63" s="340"/>
      <c r="U63" s="340"/>
      <c r="V63" s="340"/>
      <c r="W63" s="340"/>
    </row>
    <row r="64" spans="1:45" ht="66" customHeight="1">
      <c r="A64" s="37" t="s">
        <v>85</v>
      </c>
      <c r="B64" s="38" t="s">
        <v>86</v>
      </c>
      <c r="C64" s="38" t="s">
        <v>87</v>
      </c>
      <c r="D64" s="270" t="s">
        <v>88</v>
      </c>
      <c r="E64" s="38" t="s">
        <v>178</v>
      </c>
      <c r="F64" s="89" t="s">
        <v>101</v>
      </c>
      <c r="G64" s="38" t="s">
        <v>179</v>
      </c>
      <c r="H64" s="89" t="s">
        <v>102</v>
      </c>
      <c r="I64" s="38" t="s">
        <v>180</v>
      </c>
      <c r="J64" s="89" t="s">
        <v>103</v>
      </c>
      <c r="K64" s="38" t="s">
        <v>357</v>
      </c>
      <c r="L64" s="89" t="s">
        <v>356</v>
      </c>
      <c r="M64" s="65" t="s">
        <v>86</v>
      </c>
      <c r="N64" s="65" t="s">
        <v>87</v>
      </c>
      <c r="O64" s="272" t="s">
        <v>88</v>
      </c>
      <c r="P64" s="65" t="s">
        <v>427</v>
      </c>
      <c r="Q64" s="88" t="s">
        <v>428</v>
      </c>
      <c r="R64" s="65" t="s">
        <v>423</v>
      </c>
      <c r="S64" s="88" t="s">
        <v>425</v>
      </c>
      <c r="T64" s="65" t="s">
        <v>429</v>
      </c>
      <c r="U64" s="88" t="s">
        <v>430</v>
      </c>
      <c r="V64" s="65" t="s">
        <v>357</v>
      </c>
      <c r="W64" s="88" t="s">
        <v>371</v>
      </c>
    </row>
    <row r="65" spans="1:23" ht="99.75" customHeight="1">
      <c r="A65" s="41"/>
      <c r="B65" s="42" t="s">
        <v>89</v>
      </c>
      <c r="C65" s="42" t="s">
        <v>358</v>
      </c>
      <c r="D65" s="271" t="s">
        <v>91</v>
      </c>
      <c r="E65" s="42" t="s">
        <v>181</v>
      </c>
      <c r="F65" s="91" t="s">
        <v>104</v>
      </c>
      <c r="G65" s="42" t="s">
        <v>182</v>
      </c>
      <c r="H65" s="91" t="s">
        <v>104</v>
      </c>
      <c r="I65" s="42" t="s">
        <v>183</v>
      </c>
      <c r="J65" s="91" t="s">
        <v>104</v>
      </c>
      <c r="K65" s="42" t="s">
        <v>357</v>
      </c>
      <c r="L65" s="91" t="s">
        <v>104</v>
      </c>
      <c r="M65" s="68" t="s">
        <v>89</v>
      </c>
      <c r="N65" s="68" t="s">
        <v>359</v>
      </c>
      <c r="O65" s="273" t="s">
        <v>91</v>
      </c>
      <c r="P65" s="68" t="s">
        <v>422</v>
      </c>
      <c r="Q65" s="90" t="s">
        <v>104</v>
      </c>
      <c r="R65" s="68" t="s">
        <v>424</v>
      </c>
      <c r="S65" s="90" t="s">
        <v>104</v>
      </c>
      <c r="T65" s="68" t="s">
        <v>181</v>
      </c>
      <c r="U65" s="90" t="s">
        <v>104</v>
      </c>
      <c r="V65" s="68" t="s">
        <v>357</v>
      </c>
      <c r="W65" s="90" t="s">
        <v>104</v>
      </c>
    </row>
    <row r="66" spans="1:23">
      <c r="A66" s="45" t="s">
        <v>436</v>
      </c>
      <c r="B66" s="112">
        <v>9266</v>
      </c>
      <c r="C66" s="47">
        <v>3.1</v>
      </c>
      <c r="D66" s="48">
        <v>3.9199999999999999E-2</v>
      </c>
      <c r="E66" s="113">
        <v>0.60799999999999998</v>
      </c>
      <c r="F66" s="94">
        <v>1.0141311453284773E-2</v>
      </c>
      <c r="G66" s="113">
        <v>0.107</v>
      </c>
      <c r="H66" s="94">
        <v>6.4255510910279385E-3</v>
      </c>
      <c r="I66" s="113">
        <v>0.26500000000000001</v>
      </c>
      <c r="J66" s="94">
        <v>9.1687440737048664E-3</v>
      </c>
      <c r="K66" s="93">
        <v>0.02</v>
      </c>
      <c r="L66" s="94">
        <v>2.9228698383357626E-3</v>
      </c>
      <c r="M66" s="112">
        <v>10804</v>
      </c>
      <c r="N66" s="47">
        <v>4</v>
      </c>
      <c r="O66" s="48">
        <v>3.9199999999999999E-2</v>
      </c>
      <c r="P66" s="113">
        <v>0.21</v>
      </c>
      <c r="Q66" s="94">
        <v>7.8372187685314225E-3</v>
      </c>
      <c r="R66" s="113">
        <v>0.35</v>
      </c>
      <c r="S66" s="94">
        <v>9.1762221941187605E-3</v>
      </c>
      <c r="T66" s="113">
        <v>0.33</v>
      </c>
      <c r="U66" s="94">
        <v>9.0463357677486728E-3</v>
      </c>
      <c r="V66" s="93">
        <v>0.11</v>
      </c>
      <c r="W66" s="94">
        <v>6.022796639669644E-3</v>
      </c>
    </row>
    <row r="67" spans="1:23">
      <c r="A67" s="49" t="s">
        <v>437</v>
      </c>
      <c r="B67" s="114">
        <v>8696</v>
      </c>
      <c r="C67" s="51">
        <v>3.1323235774438491</v>
      </c>
      <c r="D67" s="52">
        <v>4.4663496380326621E-2</v>
      </c>
      <c r="E67" s="115">
        <v>0.59938941569962423</v>
      </c>
      <c r="F67" s="97">
        <v>1.0507377275093125E-2</v>
      </c>
      <c r="G67" s="115">
        <v>0.10760644100695003</v>
      </c>
      <c r="H67" s="97">
        <v>6.6494782928836413E-3</v>
      </c>
      <c r="I67" s="115">
        <v>0.27330918993901621</v>
      </c>
      <c r="J67" s="97">
        <v>9.5570523943678196E-3</v>
      </c>
      <c r="K67" s="96">
        <v>1.9694953354409444E-2</v>
      </c>
      <c r="L67" s="97">
        <v>2.9957168534017315E-3</v>
      </c>
      <c r="M67" s="114">
        <v>8845</v>
      </c>
      <c r="N67" s="51">
        <v>4.2</v>
      </c>
      <c r="O67" s="52">
        <v>3.9713671816827278E-2</v>
      </c>
      <c r="P67" s="115">
        <v>0.25</v>
      </c>
      <c r="Q67" s="97">
        <v>9.2076530686058689E-3</v>
      </c>
      <c r="R67" s="115">
        <v>0.36</v>
      </c>
      <c r="S67" s="97">
        <v>1.020565378598757E-2</v>
      </c>
      <c r="T67" s="115">
        <v>0.28999999999999998</v>
      </c>
      <c r="U67" s="97">
        <v>9.6483512264059351E-3</v>
      </c>
      <c r="V67" s="96">
        <v>0.09</v>
      </c>
      <c r="W67" s="97">
        <v>6.0901405948729989E-3</v>
      </c>
    </row>
    <row r="68" spans="1:23">
      <c r="A68" s="45" t="s">
        <v>438</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9</v>
      </c>
      <c r="B69" s="114">
        <v>3529</v>
      </c>
      <c r="C69" s="51">
        <v>2.9</v>
      </c>
      <c r="D69" s="52">
        <v>5.8799999999999998E-2</v>
      </c>
      <c r="E69" s="115">
        <v>0.65200000000000002</v>
      </c>
      <c r="F69" s="97">
        <v>1.6029561082245625E-2</v>
      </c>
      <c r="G69" s="115">
        <v>8.5999999999999993E-2</v>
      </c>
      <c r="H69" s="97">
        <v>9.4569133797963272E-3</v>
      </c>
      <c r="I69" s="115">
        <v>0.24</v>
      </c>
      <c r="J69" s="97">
        <v>1.4376482683048888E-2</v>
      </c>
      <c r="K69" s="96">
        <v>2.1999999999999999E-2</v>
      </c>
      <c r="L69" s="97">
        <v>4.9945430956485288E-3</v>
      </c>
      <c r="M69" s="114">
        <v>3909</v>
      </c>
      <c r="N69" s="51">
        <v>3.9</v>
      </c>
      <c r="O69" s="52">
        <v>5.8799999999999998E-2</v>
      </c>
      <c r="P69" s="115">
        <v>0.19</v>
      </c>
      <c r="Q69" s="97">
        <v>1.2550796268158981E-2</v>
      </c>
      <c r="R69" s="115">
        <v>0.33</v>
      </c>
      <c r="S69" s="97">
        <v>1.503583095555262E-2</v>
      </c>
      <c r="T69" s="115">
        <v>0.37</v>
      </c>
      <c r="U69" s="97">
        <v>1.5437549975010295E-2</v>
      </c>
      <c r="V69" s="96">
        <v>0.13</v>
      </c>
      <c r="W69" s="97">
        <v>1.0765713267641922E-2</v>
      </c>
    </row>
    <row r="70" spans="1:23">
      <c r="A70" s="45" t="s">
        <v>440</v>
      </c>
      <c r="B70" s="83">
        <v>3273</v>
      </c>
      <c r="C70" s="47">
        <v>2.96</v>
      </c>
      <c r="D70" s="48">
        <v>7.8399999999999997E-2</v>
      </c>
      <c r="E70" s="98">
        <v>0.64600000000000002</v>
      </c>
      <c r="F70" s="94">
        <v>1.6709330217024119E-2</v>
      </c>
      <c r="G70" s="98">
        <v>7.9000000000000001E-2</v>
      </c>
      <c r="H70" s="94">
        <v>9.451960143935614E-3</v>
      </c>
      <c r="I70" s="98">
        <v>0.252</v>
      </c>
      <c r="J70" s="94">
        <v>1.517454365167932E-2</v>
      </c>
      <c r="K70" s="93">
        <v>2.4E-2</v>
      </c>
      <c r="L70" s="94">
        <v>5.4098761074571622E-3</v>
      </c>
      <c r="M70" s="83">
        <v>3271</v>
      </c>
      <c r="N70" s="47">
        <v>4.0999999999999996</v>
      </c>
      <c r="O70" s="48">
        <v>5.8799999999999998E-2</v>
      </c>
      <c r="P70" s="98">
        <v>0.23799999999999999</v>
      </c>
      <c r="Q70" s="94">
        <v>1.4889868581746428E-2</v>
      </c>
      <c r="R70" s="98">
        <v>0.31599999999999995</v>
      </c>
      <c r="S70" s="94">
        <v>1.625095750271878E-2</v>
      </c>
      <c r="T70" s="98">
        <v>0.32700000000000001</v>
      </c>
      <c r="U70" s="94">
        <v>1.6397507327264044E-2</v>
      </c>
      <c r="V70" s="93">
        <v>0.11899999999999999</v>
      </c>
      <c r="W70" s="94">
        <v>1.1334922067361114E-2</v>
      </c>
    </row>
    <row r="71" spans="1:23">
      <c r="A71" s="49" t="s">
        <v>452</v>
      </c>
      <c r="B71" s="114">
        <v>570</v>
      </c>
      <c r="C71" s="51">
        <v>3</v>
      </c>
      <c r="D71" s="52">
        <v>0.15679999999999999</v>
      </c>
      <c r="E71" s="115">
        <v>0.63800000000000001</v>
      </c>
      <c r="F71" s="97">
        <v>4.0140910061300439E-2</v>
      </c>
      <c r="G71" s="115">
        <v>8.8999999999999996E-2</v>
      </c>
      <c r="H71" s="97">
        <v>2.4111398914393456E-2</v>
      </c>
      <c r="I71" s="115">
        <v>0.25600000000000001</v>
      </c>
      <c r="J71" s="97">
        <v>3.651078584850824E-2</v>
      </c>
      <c r="K71" s="96">
        <v>1.7000000000000001E-2</v>
      </c>
      <c r="L71" s="97">
        <v>1.1791181274231245E-2</v>
      </c>
      <c r="M71" s="114">
        <v>576</v>
      </c>
      <c r="N71" s="51">
        <v>4.4000000000000004</v>
      </c>
      <c r="O71" s="52">
        <v>0.15679999999999999</v>
      </c>
      <c r="P71" s="115">
        <v>0.25</v>
      </c>
      <c r="Q71" s="97">
        <v>3.6042034493640518E-2</v>
      </c>
      <c r="R71" s="115">
        <v>0.37</v>
      </c>
      <c r="S71" s="97">
        <v>4.0114688997946173E-2</v>
      </c>
      <c r="T71" s="115">
        <v>0.24</v>
      </c>
      <c r="U71" s="97">
        <v>3.5557549135230425E-2</v>
      </c>
      <c r="V71" s="96">
        <v>0.13</v>
      </c>
      <c r="W71" s="97">
        <v>2.8159859492938165E-2</v>
      </c>
    </row>
    <row r="72" spans="1:23">
      <c r="A72" s="45" t="s">
        <v>441</v>
      </c>
      <c r="B72" s="83">
        <v>146</v>
      </c>
      <c r="C72" s="47">
        <v>2.4</v>
      </c>
      <c r="D72" s="48">
        <v>0.29399999999999998</v>
      </c>
      <c r="E72" s="98">
        <v>0.79400000000000004</v>
      </c>
      <c r="F72" s="94">
        <v>6.695519982794465E-2</v>
      </c>
      <c r="G72" s="98">
        <v>4.5999999999999999E-2</v>
      </c>
      <c r="H72" s="94">
        <v>3.8203065132021562E-2</v>
      </c>
      <c r="I72" s="98">
        <v>0.16</v>
      </c>
      <c r="J72" s="94">
        <v>6.1206345834156531E-2</v>
      </c>
      <c r="K72" s="93">
        <v>0</v>
      </c>
      <c r="L72" s="94">
        <v>1.8730051116182648E-2</v>
      </c>
      <c r="M72" s="83">
        <v>147</v>
      </c>
      <c r="N72" s="47">
        <v>2.9</v>
      </c>
      <c r="O72" s="48">
        <v>0.29399999999999998</v>
      </c>
      <c r="P72" s="98">
        <v>0.04</v>
      </c>
      <c r="Q72" s="94">
        <v>3.6197439194816647E-2</v>
      </c>
      <c r="R72" s="98">
        <v>0.23</v>
      </c>
      <c r="S72" s="94">
        <v>6.9226778879477785E-2</v>
      </c>
      <c r="T72" s="98">
        <v>0.53</v>
      </c>
      <c r="U72" s="94">
        <v>8.12399031840257E-2</v>
      </c>
      <c r="V72" s="93">
        <v>0.2</v>
      </c>
      <c r="W72" s="94">
        <v>6.6053371315468776E-2</v>
      </c>
    </row>
    <row r="73" spans="1:23">
      <c r="A73" s="49" t="s">
        <v>442</v>
      </c>
      <c r="B73" s="114">
        <v>107</v>
      </c>
      <c r="C73" s="51">
        <v>3</v>
      </c>
      <c r="D73" s="52">
        <v>0.37240000000000001</v>
      </c>
      <c r="E73" s="115">
        <v>0.627</v>
      </c>
      <c r="F73" s="97">
        <v>9.2026730428804368E-2</v>
      </c>
      <c r="G73" s="115">
        <v>7.8E-2</v>
      </c>
      <c r="H73" s="97">
        <v>5.5188333971526907E-2</v>
      </c>
      <c r="I73" s="115">
        <v>0.249</v>
      </c>
      <c r="J73" s="97">
        <v>8.3062507619207096E-2</v>
      </c>
      <c r="K73" s="96">
        <v>4.5999999999999999E-2</v>
      </c>
      <c r="L73" s="97">
        <v>4.5902970841887998E-2</v>
      </c>
      <c r="M73" s="114">
        <v>109</v>
      </c>
      <c r="N73" s="51">
        <v>4.5999999999999996</v>
      </c>
      <c r="O73" s="52">
        <v>0.3528</v>
      </c>
      <c r="P73" s="115">
        <v>0.34</v>
      </c>
      <c r="Q73" s="97">
        <v>8.9478392446302443E-2</v>
      </c>
      <c r="R73" s="115">
        <v>0.35</v>
      </c>
      <c r="S73" s="97">
        <v>9.0047131626176613E-2</v>
      </c>
      <c r="T73" s="115">
        <v>0.2</v>
      </c>
      <c r="U73" s="97">
        <v>7.6715520529005252E-2</v>
      </c>
      <c r="V73" s="96">
        <v>0.12</v>
      </c>
      <c r="W73" s="97">
        <v>6.3980658205576399E-2</v>
      </c>
    </row>
    <row r="74" spans="1:23">
      <c r="A74" s="45" t="s">
        <v>443</v>
      </c>
      <c r="B74" s="83">
        <v>117</v>
      </c>
      <c r="C74" s="47">
        <v>3.5</v>
      </c>
      <c r="D74" s="48">
        <v>0.39200000000000002</v>
      </c>
      <c r="E74" s="98">
        <v>0.53200000000000003</v>
      </c>
      <c r="F74" s="94">
        <v>9.0734848186212302E-2</v>
      </c>
      <c r="G74" s="98">
        <v>0.11799999999999999</v>
      </c>
      <c r="H74" s="94">
        <v>6.1271486062383244E-2</v>
      </c>
      <c r="I74" s="98">
        <v>0.34399999999999997</v>
      </c>
      <c r="J74" s="94">
        <v>8.6673396040446285E-2</v>
      </c>
      <c r="K74" s="93">
        <v>5.0000000000000001E-3</v>
      </c>
      <c r="L74" s="94">
        <v>2.6289696567637837E-2</v>
      </c>
      <c r="M74" s="83">
        <v>121</v>
      </c>
      <c r="N74" s="47">
        <v>5.4</v>
      </c>
      <c r="O74" s="48">
        <v>0.31359999999999999</v>
      </c>
      <c r="P74" s="98">
        <v>0.44</v>
      </c>
      <c r="Q74" s="94">
        <v>8.8837237885922585E-2</v>
      </c>
      <c r="R74" s="98">
        <v>0.43000000000000005</v>
      </c>
      <c r="S74" s="94">
        <v>8.8617575213949529E-2</v>
      </c>
      <c r="T74" s="98">
        <v>0.06</v>
      </c>
      <c r="U74" s="94">
        <v>4.6850281911638481E-2</v>
      </c>
      <c r="V74" s="93">
        <v>7.0000000000000007E-2</v>
      </c>
      <c r="W74" s="94">
        <v>4.9556194333302064E-2</v>
      </c>
    </row>
    <row r="75" spans="1:23">
      <c r="A75" s="49" t="s">
        <v>444</v>
      </c>
      <c r="B75" s="114">
        <v>81</v>
      </c>
      <c r="C75" s="51">
        <v>2.6</v>
      </c>
      <c r="D75" s="52">
        <v>0.43119999999999997</v>
      </c>
      <c r="E75" s="115">
        <v>0.68600000000000005</v>
      </c>
      <c r="F75" s="97">
        <v>0.10142130653012728</v>
      </c>
      <c r="G75" s="115">
        <v>8.6999999999999994E-2</v>
      </c>
      <c r="H75" s="97">
        <v>6.6900038612047963E-2</v>
      </c>
      <c r="I75" s="115">
        <v>0.22700000000000001</v>
      </c>
      <c r="J75" s="97">
        <v>9.2627132906389631E-2</v>
      </c>
      <c r="K75" s="96">
        <v>1E-3</v>
      </c>
      <c r="L75" s="97">
        <v>3.3524682626485738E-2</v>
      </c>
      <c r="M75" s="114">
        <v>82</v>
      </c>
      <c r="N75" s="51">
        <v>4.0999999999999996</v>
      </c>
      <c r="O75" s="52">
        <v>0.41159999999999997</v>
      </c>
      <c r="P75" s="115">
        <v>0.18</v>
      </c>
      <c r="Q75" s="97">
        <v>8.5427531166703694E-2</v>
      </c>
      <c r="R75" s="115">
        <v>0.43000000000000005</v>
      </c>
      <c r="S75" s="97">
        <v>0.10686771079540647</v>
      </c>
      <c r="T75" s="115">
        <v>0.26</v>
      </c>
      <c r="U75" s="97">
        <v>9.5876260281271039E-2</v>
      </c>
      <c r="V75" s="96">
        <v>0.12</v>
      </c>
      <c r="W75" s="97">
        <v>7.4309276101452992E-2</v>
      </c>
    </row>
    <row r="76" spans="1:23">
      <c r="A76" s="45" t="s">
        <v>445</v>
      </c>
      <c r="B76" s="112">
        <v>119</v>
      </c>
      <c r="C76" s="47">
        <v>3</v>
      </c>
      <c r="D76" s="48">
        <v>0.37240000000000001</v>
      </c>
      <c r="E76" s="113">
        <v>0.58599999999999997</v>
      </c>
      <c r="F76" s="94">
        <v>8.8909786899663126E-2</v>
      </c>
      <c r="G76" s="113">
        <v>0.11</v>
      </c>
      <c r="H76" s="94">
        <v>5.9162673987039095E-2</v>
      </c>
      <c r="I76" s="113">
        <v>0.26600000000000001</v>
      </c>
      <c r="J76" s="94">
        <v>8.0394850271066048E-2</v>
      </c>
      <c r="K76" s="93">
        <v>3.7999999999999999E-2</v>
      </c>
      <c r="L76" s="94">
        <v>4.0409611785511688E-2</v>
      </c>
      <c r="M76" s="112">
        <v>121</v>
      </c>
      <c r="N76" s="47">
        <v>4.2</v>
      </c>
      <c r="O76" s="48">
        <v>0.3528</v>
      </c>
      <c r="P76" s="113">
        <v>0.17</v>
      </c>
      <c r="Q76" s="94">
        <v>6.8808856732255036E-2</v>
      </c>
      <c r="R76" s="113">
        <v>0.39</v>
      </c>
      <c r="S76" s="94">
        <v>8.7390985274226077E-2</v>
      </c>
      <c r="T76" s="113">
        <v>0.22999999999999998</v>
      </c>
      <c r="U76" s="94">
        <v>7.6250314181647807E-2</v>
      </c>
      <c r="V76" s="93">
        <v>0.21</v>
      </c>
      <c r="W76" s="94">
        <v>7.401541063319178E-2</v>
      </c>
    </row>
    <row r="77" spans="1:23">
      <c r="A77" s="49" t="s">
        <v>453</v>
      </c>
      <c r="B77" s="114">
        <v>940</v>
      </c>
      <c r="C77" s="51">
        <v>2.9</v>
      </c>
      <c r="D77" s="52">
        <v>0.1176</v>
      </c>
      <c r="E77" s="115">
        <v>0.64</v>
      </c>
      <c r="F77" s="97">
        <v>3.1256575564770468E-2</v>
      </c>
      <c r="G77" s="115">
        <v>9.1999999999999998E-2</v>
      </c>
      <c r="H77" s="97">
        <v>1.8971848353534455E-2</v>
      </c>
      <c r="I77" s="115">
        <v>0.23599999999999999</v>
      </c>
      <c r="J77" s="97">
        <v>2.7685689926542745E-2</v>
      </c>
      <c r="K77" s="96">
        <v>3.2000000000000001E-2</v>
      </c>
      <c r="L77" s="97">
        <v>1.1794174643412238E-2</v>
      </c>
      <c r="M77" s="114">
        <v>951</v>
      </c>
      <c r="N77" s="51">
        <v>4</v>
      </c>
      <c r="O77" s="52">
        <v>0.1176</v>
      </c>
      <c r="P77" s="115">
        <v>0.2</v>
      </c>
      <c r="Q77" s="97">
        <v>2.5948184195163052E-2</v>
      </c>
      <c r="R77" s="115">
        <v>0.32</v>
      </c>
      <c r="S77" s="97">
        <v>3.0208410132812794E-2</v>
      </c>
      <c r="T77" s="115">
        <v>0.33</v>
      </c>
      <c r="U77" s="97">
        <v>3.0448073537504908E-2</v>
      </c>
      <c r="V77" s="96">
        <v>0.14000000000000001</v>
      </c>
      <c r="W77" s="97">
        <v>2.2557280741800502E-2</v>
      </c>
    </row>
    <row r="78" spans="1:23">
      <c r="A78" s="45" t="s">
        <v>446</v>
      </c>
      <c r="B78" s="83">
        <v>103</v>
      </c>
      <c r="C78" s="47">
        <v>3.1</v>
      </c>
      <c r="D78" s="48">
        <v>0.41159999999999997</v>
      </c>
      <c r="E78" s="98">
        <v>0.55200000000000005</v>
      </c>
      <c r="F78" s="94">
        <v>9.6187975889694508E-2</v>
      </c>
      <c r="G78" s="98">
        <v>0.151</v>
      </c>
      <c r="H78" s="94">
        <v>7.1599979033454358E-2</v>
      </c>
      <c r="I78" s="98">
        <v>0.26100000000000001</v>
      </c>
      <c r="J78" s="94">
        <v>8.5831807332649251E-2</v>
      </c>
      <c r="K78" s="98">
        <v>3.5999999999999997E-2</v>
      </c>
      <c r="L78" s="94">
        <v>4.3449410098123489E-2</v>
      </c>
      <c r="M78" s="83">
        <v>104</v>
      </c>
      <c r="N78" s="47">
        <v>4.5</v>
      </c>
      <c r="O78" s="48">
        <v>0.3528</v>
      </c>
      <c r="P78" s="98">
        <v>0.21</v>
      </c>
      <c r="Q78" s="94">
        <v>7.9817909926970604E-2</v>
      </c>
      <c r="R78" s="98">
        <v>0.37</v>
      </c>
      <c r="S78" s="94">
        <v>9.3160289865282006E-2</v>
      </c>
      <c r="T78" s="98">
        <v>0.13</v>
      </c>
      <c r="U78" s="94">
        <v>6.7509381857070588E-2</v>
      </c>
      <c r="V78" s="98">
        <v>0.28999999999999998</v>
      </c>
      <c r="W78" s="94">
        <v>8.8003824167645461E-2</v>
      </c>
    </row>
    <row r="79" spans="1:23">
      <c r="A79" s="49" t="s">
        <v>447</v>
      </c>
      <c r="B79" s="114">
        <v>191</v>
      </c>
      <c r="C79" s="51">
        <v>3.3</v>
      </c>
      <c r="D79" s="52">
        <v>0.29399999999999998</v>
      </c>
      <c r="E79" s="115">
        <v>0.59299999999999997</v>
      </c>
      <c r="F79" s="97">
        <v>7.0413022029806746E-2</v>
      </c>
      <c r="G79" s="115">
        <v>8.2000000000000003E-2</v>
      </c>
      <c r="H79" s="97">
        <v>4.1105404091842976E-2</v>
      </c>
      <c r="I79" s="115">
        <v>0.29299999999999998</v>
      </c>
      <c r="J79" s="97">
        <v>6.5459461382669337E-2</v>
      </c>
      <c r="K79" s="96">
        <v>3.2000000000000001E-2</v>
      </c>
      <c r="L79" s="97">
        <v>2.8597808773867039E-2</v>
      </c>
      <c r="M79" s="114">
        <v>197</v>
      </c>
      <c r="N79" s="51">
        <v>4.5</v>
      </c>
      <c r="O79" s="52">
        <v>0.23519999999999999</v>
      </c>
      <c r="P79" s="115">
        <v>0.28999999999999998</v>
      </c>
      <c r="Q79" s="97">
        <v>6.4281371374592292E-2</v>
      </c>
      <c r="R79" s="115">
        <v>0.37</v>
      </c>
      <c r="S79" s="97">
        <v>6.8206001094617719E-2</v>
      </c>
      <c r="T79" s="115">
        <v>0.23</v>
      </c>
      <c r="U79" s="97">
        <v>5.98460083524162E-2</v>
      </c>
      <c r="V79" s="96">
        <v>0.1</v>
      </c>
      <c r="W79" s="97">
        <v>4.3778000435208332E-2</v>
      </c>
    </row>
    <row r="80" spans="1:23">
      <c r="A80" s="57" t="s">
        <v>448</v>
      </c>
      <c r="B80" s="112">
        <v>234</v>
      </c>
      <c r="C80" s="47">
        <v>2.7</v>
      </c>
      <c r="D80" s="48">
        <v>0.21559999999999999</v>
      </c>
      <c r="E80" s="113">
        <v>0.67700000000000005</v>
      </c>
      <c r="F80" s="94">
        <v>6.0767531447630731E-2</v>
      </c>
      <c r="G80" s="113">
        <v>5.6000000000000001E-2</v>
      </c>
      <c r="H80" s="94">
        <v>3.1605428734028454E-2</v>
      </c>
      <c r="I80" s="113">
        <v>0.22700000000000001</v>
      </c>
      <c r="J80" s="94">
        <v>5.4688595060628925E-2</v>
      </c>
      <c r="K80" s="93">
        <v>0.04</v>
      </c>
      <c r="L80" s="94">
        <v>2.7638979675602453E-2</v>
      </c>
      <c r="M80" s="112">
        <v>237</v>
      </c>
      <c r="N80" s="47">
        <v>3.5</v>
      </c>
      <c r="O80" s="48">
        <v>0.23519999999999999</v>
      </c>
      <c r="P80" s="113">
        <v>0.12</v>
      </c>
      <c r="Q80" s="94">
        <v>4.2797134519663604E-2</v>
      </c>
      <c r="R80" s="113">
        <v>0.27</v>
      </c>
      <c r="S80" s="94">
        <v>5.7448001940006446E-2</v>
      </c>
      <c r="T80" s="113">
        <v>0.44</v>
      </c>
      <c r="U80" s="94">
        <v>6.396556521194377E-2</v>
      </c>
      <c r="V80" s="93">
        <v>0.17</v>
      </c>
      <c r="W80" s="94">
        <v>4.9004181086052492E-2</v>
      </c>
    </row>
    <row r="81" spans="1:23">
      <c r="A81" s="49" t="s">
        <v>449</v>
      </c>
      <c r="B81" s="114">
        <v>123</v>
      </c>
      <c r="C81" s="51">
        <v>2.2999999999999998</v>
      </c>
      <c r="D81" s="52">
        <v>0.3332</v>
      </c>
      <c r="E81" s="115">
        <v>0.77700000000000002</v>
      </c>
      <c r="F81" s="97">
        <v>7.4881156763562967E-2</v>
      </c>
      <c r="G81" s="115">
        <v>3.9E-2</v>
      </c>
      <c r="H81" s="97">
        <v>3.9943002048945957E-2</v>
      </c>
      <c r="I81" s="115">
        <v>0.14699999999999999</v>
      </c>
      <c r="J81" s="97">
        <v>6.4750708736958901E-2</v>
      </c>
      <c r="K81" s="96">
        <v>3.6999999999999998E-2</v>
      </c>
      <c r="L81" s="97">
        <v>3.9253628983871518E-2</v>
      </c>
      <c r="M81" s="114">
        <v>122</v>
      </c>
      <c r="N81" s="51">
        <v>3.6</v>
      </c>
      <c r="O81" s="52">
        <v>0.3332</v>
      </c>
      <c r="P81" s="115">
        <v>0.16</v>
      </c>
      <c r="Q81" s="97">
        <v>6.7052024256513715E-2</v>
      </c>
      <c r="R81" s="115">
        <v>0.25</v>
      </c>
      <c r="S81" s="97">
        <v>7.7950995149278141E-2</v>
      </c>
      <c r="T81" s="115">
        <v>0.53</v>
      </c>
      <c r="U81" s="97">
        <v>8.8936616600289037E-2</v>
      </c>
      <c r="V81" s="96">
        <v>0.06</v>
      </c>
      <c r="W81" s="97">
        <v>4.66316029404754E-2</v>
      </c>
    </row>
    <row r="82" spans="1:23">
      <c r="A82" s="57" t="s">
        <v>450</v>
      </c>
      <c r="B82" s="112">
        <v>123</v>
      </c>
      <c r="C82" s="47">
        <v>3</v>
      </c>
      <c r="D82" s="48">
        <v>0.39200000000000002</v>
      </c>
      <c r="E82" s="113">
        <v>0.57399999999999995</v>
      </c>
      <c r="F82" s="94">
        <v>8.7819340807203869E-2</v>
      </c>
      <c r="G82" s="113">
        <v>0.125</v>
      </c>
      <c r="H82" s="94">
        <v>6.0987611350093673E-2</v>
      </c>
      <c r="I82" s="113">
        <v>0.254</v>
      </c>
      <c r="J82" s="94">
        <v>7.8013929606989926E-2</v>
      </c>
      <c r="K82" s="93">
        <v>4.8000000000000001E-2</v>
      </c>
      <c r="L82" s="94">
        <v>4.287424325770841E-2</v>
      </c>
      <c r="M82" s="112">
        <v>123</v>
      </c>
      <c r="N82" s="47">
        <v>3.8</v>
      </c>
      <c r="O82" s="48">
        <v>0.37240000000000001</v>
      </c>
      <c r="P82" s="113">
        <v>0.15</v>
      </c>
      <c r="Q82" s="94">
        <v>6.5230062918468917E-2</v>
      </c>
      <c r="R82" s="113">
        <v>0.3</v>
      </c>
      <c r="S82" s="94">
        <v>8.1806378851454573E-2</v>
      </c>
      <c r="T82" s="113">
        <v>0.35</v>
      </c>
      <c r="U82" s="94">
        <v>8.4907546345756979E-2</v>
      </c>
      <c r="V82" s="93">
        <v>0.2</v>
      </c>
      <c r="W82" s="94">
        <v>7.2215777097065059E-2</v>
      </c>
    </row>
    <row r="83" spans="1:23">
      <c r="A83" s="49" t="s">
        <v>451</v>
      </c>
      <c r="B83" s="114">
        <v>166</v>
      </c>
      <c r="C83" s="51">
        <v>2.7</v>
      </c>
      <c r="D83" s="52">
        <v>0.29399999999999998</v>
      </c>
      <c r="E83" s="115">
        <v>0.64500000000000002</v>
      </c>
      <c r="F83" s="97">
        <v>7.3557144112795264E-2</v>
      </c>
      <c r="G83" s="115">
        <v>0.154</v>
      </c>
      <c r="H83" s="97">
        <v>5.6537632519426291E-2</v>
      </c>
      <c r="I83" s="115">
        <v>0.20100000000000001</v>
      </c>
      <c r="J83" s="97">
        <v>6.2262558009284812E-2</v>
      </c>
      <c r="K83" s="96">
        <v>0</v>
      </c>
      <c r="L83" s="97">
        <v>1.6539647608348407E-2</v>
      </c>
      <c r="M83" s="114">
        <v>168</v>
      </c>
      <c r="N83" s="51">
        <v>4.5</v>
      </c>
      <c r="O83" s="52">
        <v>0.27440000000000003</v>
      </c>
      <c r="P83" s="115">
        <v>0.25</v>
      </c>
      <c r="Q83" s="97">
        <v>6.6537832338473546E-2</v>
      </c>
      <c r="R83" s="115">
        <v>0.41000000000000003</v>
      </c>
      <c r="S83" s="97">
        <v>7.5061581453001069E-2</v>
      </c>
      <c r="T83" s="115">
        <v>0.22999999999999998</v>
      </c>
      <c r="U83" s="97">
        <v>6.4780716151127016E-2</v>
      </c>
      <c r="V83" s="96">
        <v>0.11</v>
      </c>
      <c r="W83" s="97">
        <v>4.9389801678503438E-2</v>
      </c>
    </row>
    <row r="84" spans="1:23">
      <c r="A84" s="57" t="s">
        <v>457</v>
      </c>
      <c r="B84" s="112">
        <v>60</v>
      </c>
      <c r="C84" s="47">
        <v>3.2</v>
      </c>
      <c r="D84" s="48">
        <v>0.45080000000000003</v>
      </c>
      <c r="E84" s="113">
        <v>0.69899999999999995</v>
      </c>
      <c r="F84" s="94">
        <v>0.11597263513264401</v>
      </c>
      <c r="G84" s="113">
        <v>0.08</v>
      </c>
      <c r="H84" s="94">
        <v>7.7039331472631561E-2</v>
      </c>
      <c r="I84" s="113">
        <v>0.221</v>
      </c>
      <c r="J84" s="94">
        <v>0.10653199595478054</v>
      </c>
      <c r="K84" s="93">
        <v>0</v>
      </c>
      <c r="L84" s="94">
        <v>4.3498159084609543E-2</v>
      </c>
      <c r="M84" s="112">
        <v>129</v>
      </c>
      <c r="N84" s="47">
        <v>3.3</v>
      </c>
      <c r="O84" s="48">
        <v>0.31359999999999999</v>
      </c>
      <c r="P84" s="113">
        <v>0.09</v>
      </c>
      <c r="Q84" s="94">
        <v>5.2561236438265768E-2</v>
      </c>
      <c r="R84" s="113">
        <v>0.30000000000000004</v>
      </c>
      <c r="S84" s="94">
        <v>7.991910089289625E-2</v>
      </c>
      <c r="T84" s="113">
        <v>0.48</v>
      </c>
      <c r="U84" s="94">
        <v>8.6645713393287263E-2</v>
      </c>
      <c r="V84" s="93">
        <v>0.12</v>
      </c>
      <c r="W84" s="94">
        <v>5.8593823493637086E-2</v>
      </c>
    </row>
    <row r="85" spans="1:23">
      <c r="A85" s="49" t="s">
        <v>460</v>
      </c>
      <c r="B85" s="114">
        <v>54</v>
      </c>
      <c r="C85" s="51">
        <v>2.6</v>
      </c>
      <c r="D85" s="52">
        <v>0.45080000000000003</v>
      </c>
      <c r="E85" s="115">
        <v>0.74399999999999999</v>
      </c>
      <c r="F85" s="97">
        <v>0.11697117075157509</v>
      </c>
      <c r="G85" s="115">
        <v>0.124</v>
      </c>
      <c r="H85" s="97">
        <v>9.3753793259053114E-2</v>
      </c>
      <c r="I85" s="115">
        <v>0.13200000000000001</v>
      </c>
      <c r="J85" s="97">
        <v>9.563258102298719E-2</v>
      </c>
      <c r="K85" s="96">
        <v>0</v>
      </c>
      <c r="L85" s="97">
        <v>4.7917816122734561E-2</v>
      </c>
      <c r="M85" s="114">
        <v>195</v>
      </c>
      <c r="N85" s="51">
        <v>3.5</v>
      </c>
      <c r="O85" s="52">
        <v>0.25480000000000003</v>
      </c>
      <c r="P85" s="115">
        <v>0.11</v>
      </c>
      <c r="Q85" s="97">
        <v>4.571115779708447E-2</v>
      </c>
      <c r="R85" s="115">
        <v>0.33</v>
      </c>
      <c r="S85" s="97">
        <v>6.6838157875491619E-2</v>
      </c>
      <c r="T85" s="115">
        <v>0.44999999999999996</v>
      </c>
      <c r="U85" s="97">
        <v>7.054696463945416E-2</v>
      </c>
      <c r="V85" s="96">
        <v>0.12</v>
      </c>
      <c r="W85" s="97">
        <v>4.7308818255320066E-2</v>
      </c>
    </row>
    <row r="86" spans="1:23">
      <c r="A86" s="57" t="s">
        <v>458</v>
      </c>
      <c r="B86" s="112">
        <v>82</v>
      </c>
      <c r="C86" s="47">
        <v>2.5</v>
      </c>
      <c r="D86" s="48">
        <v>0.41159999999999997</v>
      </c>
      <c r="E86" s="113">
        <v>0.65800000000000003</v>
      </c>
      <c r="F86" s="94">
        <v>0.10282163991531607</v>
      </c>
      <c r="G86" s="113">
        <v>0.17499999999999999</v>
      </c>
      <c r="H86" s="94">
        <v>8.462559937678811E-2</v>
      </c>
      <c r="I86" s="113">
        <v>0.153</v>
      </c>
      <c r="J86" s="94">
        <v>8.0847646734255374E-2</v>
      </c>
      <c r="K86" s="93">
        <v>1.4E-2</v>
      </c>
      <c r="L86" s="94">
        <v>4.0499641500590232E-2</v>
      </c>
      <c r="M86" s="112">
        <v>183</v>
      </c>
      <c r="N86" s="47">
        <v>3.1</v>
      </c>
      <c r="O86" s="48">
        <v>0.25480000000000003</v>
      </c>
      <c r="P86" s="113">
        <v>0.06</v>
      </c>
      <c r="Q86" s="94">
        <v>3.7171023049859822E-2</v>
      </c>
      <c r="R86" s="113">
        <v>0.30000000000000004</v>
      </c>
      <c r="S86" s="94">
        <v>6.7291834376332876E-2</v>
      </c>
      <c r="T86" s="113">
        <v>0.47</v>
      </c>
      <c r="U86" s="94">
        <v>7.3001075500171181E-2</v>
      </c>
      <c r="V86" s="93">
        <v>0.17</v>
      </c>
      <c r="W86" s="94">
        <v>5.5828039366081987E-2</v>
      </c>
    </row>
  </sheetData>
  <mergeCells count="14">
    <mergeCell ref="M63:W63"/>
    <mergeCell ref="B63:L63"/>
    <mergeCell ref="A61:W61"/>
    <mergeCell ref="A62:W62"/>
    <mergeCell ref="AI34:AS34"/>
    <mergeCell ref="M34:W34"/>
    <mergeCell ref="B34:L34"/>
    <mergeCell ref="A4:W4"/>
    <mergeCell ref="A3:W3"/>
    <mergeCell ref="A33:AS33"/>
    <mergeCell ref="A32:AS32"/>
    <mergeCell ref="X34:AH34"/>
    <mergeCell ref="B5:L5"/>
    <mergeCell ref="M5:W5"/>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73"/>
  <sheetViews>
    <sheetView zoomScaleNormal="100" zoomScalePageLayoutView="75" workbookViewId="0">
      <selection activeCell="A149" sqref="A149:W149"/>
    </sheetView>
  </sheetViews>
  <sheetFormatPr defaultColWidth="22.85546875" defaultRowHeight="15"/>
  <cols>
    <col min="1" max="1" width="43.5703125" customWidth="1"/>
  </cols>
  <sheetData>
    <row r="1" spans="1:6" ht="31.5">
      <c r="A1" s="33" t="s">
        <v>42</v>
      </c>
    </row>
    <row r="3" spans="1:6" ht="18.75">
      <c r="A3" s="321" t="s">
        <v>1</v>
      </c>
      <c r="B3" s="321"/>
      <c r="C3" s="321"/>
      <c r="D3" s="321"/>
    </row>
    <row r="4" spans="1:6" ht="201" customHeight="1">
      <c r="A4" s="346" t="s">
        <v>210</v>
      </c>
      <c r="B4" s="346"/>
      <c r="C4" s="346"/>
      <c r="D4" s="346"/>
      <c r="F4" s="230"/>
    </row>
    <row r="5" spans="1:6" ht="34.5" customHeight="1">
      <c r="A5" s="347" t="s">
        <v>122</v>
      </c>
      <c r="B5" s="348"/>
      <c r="C5" s="348"/>
      <c r="D5" s="348"/>
    </row>
    <row r="6" spans="1:6" ht="43.5" customHeight="1">
      <c r="A6" s="37" t="s">
        <v>85</v>
      </c>
      <c r="B6" s="38" t="s">
        <v>86</v>
      </c>
      <c r="C6" s="39" t="s">
        <v>87</v>
      </c>
      <c r="D6" s="40" t="s">
        <v>88</v>
      </c>
    </row>
    <row r="7" spans="1:6" ht="56.25" customHeight="1">
      <c r="A7" s="41"/>
      <c r="B7" s="42" t="s">
        <v>89</v>
      </c>
      <c r="C7" s="43" t="s">
        <v>123</v>
      </c>
      <c r="D7" s="44" t="s">
        <v>91</v>
      </c>
    </row>
    <row r="8" spans="1:6">
      <c r="A8" s="45" t="s">
        <v>436</v>
      </c>
      <c r="B8" s="83">
        <v>10585</v>
      </c>
      <c r="C8" s="84">
        <v>4.2</v>
      </c>
      <c r="D8" s="85">
        <v>1.9599999999999999E-2</v>
      </c>
    </row>
    <row r="9" spans="1:6">
      <c r="A9" s="49" t="s">
        <v>437</v>
      </c>
      <c r="B9" s="119">
        <v>7673</v>
      </c>
      <c r="C9" s="120">
        <v>4.0990636879316202</v>
      </c>
      <c r="D9" s="121">
        <v>2.3820489802410118E-2</v>
      </c>
    </row>
    <row r="10" spans="1:6">
      <c r="A10" s="45" t="s">
        <v>438</v>
      </c>
      <c r="B10" s="83">
        <v>1949</v>
      </c>
      <c r="C10" s="84">
        <v>4.16</v>
      </c>
      <c r="D10" s="85">
        <v>5.8799999999999998E-2</v>
      </c>
    </row>
    <row r="11" spans="1:6">
      <c r="A11" s="49" t="s">
        <v>439</v>
      </c>
      <c r="B11" s="119">
        <v>3816</v>
      </c>
      <c r="C11" s="120">
        <v>4.2</v>
      </c>
      <c r="D11" s="121">
        <v>3.9199999999999999E-2</v>
      </c>
    </row>
    <row r="12" spans="1:6">
      <c r="A12" s="45" t="s">
        <v>440</v>
      </c>
      <c r="B12" s="83">
        <v>3191</v>
      </c>
      <c r="C12" s="84">
        <v>4.17</v>
      </c>
      <c r="D12" s="85">
        <v>3.9199999999999999E-2</v>
      </c>
    </row>
    <row r="13" spans="1:6">
      <c r="A13" s="49" t="s">
        <v>452</v>
      </c>
      <c r="B13" s="119">
        <v>560</v>
      </c>
      <c r="C13" s="120">
        <v>4.0999999999999996</v>
      </c>
      <c r="D13" s="121">
        <v>7.8399999999999997E-2</v>
      </c>
    </row>
    <row r="14" spans="1:6">
      <c r="A14" s="45" t="s">
        <v>441</v>
      </c>
      <c r="B14" s="83">
        <v>141</v>
      </c>
      <c r="C14" s="84">
        <v>4.2</v>
      </c>
      <c r="D14" s="85">
        <v>0.15679999999999999</v>
      </c>
    </row>
    <row r="15" spans="1:6">
      <c r="A15" s="49" t="s">
        <v>442</v>
      </c>
      <c r="B15" s="119">
        <v>107</v>
      </c>
      <c r="C15" s="120">
        <v>4</v>
      </c>
      <c r="D15" s="121">
        <v>0.19600000000000001</v>
      </c>
    </row>
    <row r="16" spans="1:6">
      <c r="A16" s="45" t="s">
        <v>443</v>
      </c>
      <c r="B16" s="83">
        <v>119</v>
      </c>
      <c r="C16" s="84">
        <v>4</v>
      </c>
      <c r="D16" s="85">
        <v>0.21559999999999999</v>
      </c>
    </row>
    <row r="17" spans="1:17">
      <c r="A17" s="49" t="s">
        <v>444</v>
      </c>
      <c r="B17" s="119">
        <v>78</v>
      </c>
      <c r="C17" s="120">
        <v>4.0999999999999996</v>
      </c>
      <c r="D17" s="121">
        <v>0.23519999999999999</v>
      </c>
    </row>
    <row r="18" spans="1:17">
      <c r="A18" s="45" t="s">
        <v>445</v>
      </c>
      <c r="B18" s="116">
        <v>119</v>
      </c>
      <c r="C18" s="117">
        <v>4.0999999999999996</v>
      </c>
      <c r="D18" s="118">
        <v>0.1764</v>
      </c>
    </row>
    <row r="19" spans="1:17">
      <c r="A19" s="49" t="s">
        <v>453</v>
      </c>
      <c r="B19" s="119">
        <v>937</v>
      </c>
      <c r="C19" s="120">
        <v>4.3</v>
      </c>
      <c r="D19" s="121">
        <v>5.8799999999999998E-2</v>
      </c>
    </row>
    <row r="20" spans="1:17">
      <c r="A20" s="45" t="s">
        <v>446</v>
      </c>
      <c r="B20" s="83">
        <v>98</v>
      </c>
      <c r="C20" s="84">
        <v>4</v>
      </c>
      <c r="D20" s="85">
        <v>0.21559999999999999</v>
      </c>
    </row>
    <row r="21" spans="1:17">
      <c r="A21" s="49" t="s">
        <v>447</v>
      </c>
      <c r="B21" s="119">
        <v>195</v>
      </c>
      <c r="C21" s="120">
        <v>4.4000000000000004</v>
      </c>
      <c r="D21" s="121">
        <v>0.15679999999999999</v>
      </c>
    </row>
    <row r="22" spans="1:17">
      <c r="A22" s="57" t="s">
        <v>448</v>
      </c>
      <c r="B22" s="116">
        <v>235</v>
      </c>
      <c r="C22" s="117">
        <v>4.4000000000000004</v>
      </c>
      <c r="D22" s="118">
        <v>0.13720000000000002</v>
      </c>
    </row>
    <row r="23" spans="1:17">
      <c r="A23" s="49" t="s">
        <v>449</v>
      </c>
      <c r="B23" s="119">
        <v>122</v>
      </c>
      <c r="C23" s="120">
        <v>4.2</v>
      </c>
      <c r="D23" s="121">
        <v>0.1764</v>
      </c>
    </row>
    <row r="24" spans="1:17">
      <c r="A24" s="57" t="s">
        <v>450</v>
      </c>
      <c r="B24" s="116">
        <v>125</v>
      </c>
      <c r="C24" s="117">
        <v>4.2</v>
      </c>
      <c r="D24" s="118">
        <v>0.19600000000000001</v>
      </c>
    </row>
    <row r="25" spans="1:17">
      <c r="A25" s="49" t="s">
        <v>451</v>
      </c>
      <c r="B25" s="119">
        <v>162</v>
      </c>
      <c r="C25" s="120">
        <v>4</v>
      </c>
      <c r="D25" s="121">
        <v>0.15679999999999999</v>
      </c>
    </row>
    <row r="26" spans="1:17">
      <c r="A26" s="57" t="s">
        <v>457</v>
      </c>
      <c r="B26" s="116">
        <v>128</v>
      </c>
      <c r="C26" s="117">
        <v>4.2</v>
      </c>
      <c r="D26" s="118">
        <v>0.19600000000000001</v>
      </c>
    </row>
    <row r="27" spans="1:17">
      <c r="A27" s="49" t="s">
        <v>460</v>
      </c>
      <c r="B27" s="119">
        <v>193</v>
      </c>
      <c r="C27" s="120">
        <v>4.3</v>
      </c>
      <c r="D27" s="121">
        <v>0.15679999999999999</v>
      </c>
    </row>
    <row r="28" spans="1:17">
      <c r="A28" s="57" t="s">
        <v>458</v>
      </c>
      <c r="B28" s="116">
        <v>174</v>
      </c>
      <c r="C28" s="117">
        <v>4.2</v>
      </c>
      <c r="D28" s="118">
        <v>0.15679999999999999</v>
      </c>
    </row>
    <row r="32" spans="1:17" ht="18.75">
      <c r="A32" s="321" t="s">
        <v>35</v>
      </c>
      <c r="B32" s="321"/>
      <c r="C32" s="321"/>
      <c r="D32" s="321"/>
      <c r="E32" s="321"/>
      <c r="F32" s="321"/>
      <c r="G32" s="321"/>
      <c r="H32" s="321"/>
      <c r="I32" s="321"/>
      <c r="J32" s="321"/>
      <c r="K32" s="321"/>
      <c r="L32" s="321"/>
      <c r="M32" s="321"/>
      <c r="N32" s="321"/>
      <c r="O32" s="321"/>
      <c r="P32" s="321"/>
      <c r="Q32" s="321"/>
    </row>
    <row r="33" spans="1:17" ht="58.5" customHeight="1">
      <c r="A33" s="349" t="s">
        <v>211</v>
      </c>
      <c r="B33" s="349"/>
      <c r="C33" s="349"/>
      <c r="D33" s="349"/>
      <c r="E33" s="349"/>
      <c r="F33" s="349"/>
      <c r="G33" s="349"/>
      <c r="H33" s="349"/>
      <c r="I33" s="349"/>
      <c r="J33" s="349"/>
      <c r="K33" s="349"/>
      <c r="L33" s="349"/>
      <c r="M33" s="349"/>
      <c r="N33" s="349"/>
      <c r="O33" s="349"/>
      <c r="P33" s="349"/>
      <c r="Q33" s="349"/>
    </row>
    <row r="34" spans="1:17" ht="39" customHeight="1">
      <c r="A34" s="109"/>
      <c r="B34" s="348" t="s">
        <v>124</v>
      </c>
      <c r="C34" s="348"/>
      <c r="D34" s="348"/>
      <c r="E34" s="348"/>
      <c r="F34" s="348"/>
      <c r="G34" s="348"/>
      <c r="H34" s="348"/>
      <c r="I34" s="348" t="s">
        <v>328</v>
      </c>
      <c r="J34" s="348"/>
      <c r="K34" s="348"/>
      <c r="L34" s="348"/>
      <c r="M34" s="348"/>
      <c r="N34" s="348"/>
      <c r="O34" s="348"/>
      <c r="P34" s="348"/>
      <c r="Q34" s="348"/>
    </row>
    <row r="35" spans="1:17" ht="39.75" customHeight="1">
      <c r="A35" s="37" t="s">
        <v>85</v>
      </c>
      <c r="B35" s="38" t="s">
        <v>86</v>
      </c>
      <c r="C35" s="38" t="s">
        <v>196</v>
      </c>
      <c r="D35" s="89" t="s">
        <v>125</v>
      </c>
      <c r="E35" s="38" t="s">
        <v>212</v>
      </c>
      <c r="F35" s="89" t="s">
        <v>126</v>
      </c>
      <c r="G35" s="38" t="s">
        <v>214</v>
      </c>
      <c r="H35" s="89" t="s">
        <v>127</v>
      </c>
      <c r="I35" s="65" t="s">
        <v>86</v>
      </c>
      <c r="J35" s="65" t="s">
        <v>197</v>
      </c>
      <c r="K35" s="88" t="s">
        <v>128</v>
      </c>
      <c r="L35" s="65" t="s">
        <v>198</v>
      </c>
      <c r="M35" s="88" t="s">
        <v>129</v>
      </c>
      <c r="N35" s="65" t="s">
        <v>199</v>
      </c>
      <c r="O35" s="88" t="s">
        <v>130</v>
      </c>
      <c r="P35" s="65" t="s">
        <v>200</v>
      </c>
      <c r="Q35" s="88" t="s">
        <v>131</v>
      </c>
    </row>
    <row r="36" spans="1:17" ht="63" customHeight="1">
      <c r="A36" s="41"/>
      <c r="B36" s="42" t="s">
        <v>89</v>
      </c>
      <c r="C36" s="42" t="s">
        <v>209</v>
      </c>
      <c r="D36" s="91" t="s">
        <v>104</v>
      </c>
      <c r="E36" s="42" t="s">
        <v>213</v>
      </c>
      <c r="F36" s="91" t="s">
        <v>104</v>
      </c>
      <c r="G36" s="42" t="s">
        <v>215</v>
      </c>
      <c r="H36" s="91" t="s">
        <v>104</v>
      </c>
      <c r="I36" s="68" t="s">
        <v>89</v>
      </c>
      <c r="J36" s="68" t="s">
        <v>329</v>
      </c>
      <c r="K36" s="90" t="s">
        <v>104</v>
      </c>
      <c r="L36" s="68" t="s">
        <v>330</v>
      </c>
      <c r="M36" s="90" t="s">
        <v>104</v>
      </c>
      <c r="N36" s="68" t="s">
        <v>331</v>
      </c>
      <c r="O36" s="90" t="s">
        <v>104</v>
      </c>
      <c r="P36" s="68" t="s">
        <v>332</v>
      </c>
      <c r="Q36" s="90" t="s">
        <v>104</v>
      </c>
    </row>
    <row r="37" spans="1:17">
      <c r="A37" s="45" t="s">
        <v>436</v>
      </c>
      <c r="B37" s="122">
        <v>7941</v>
      </c>
      <c r="C37" s="123">
        <v>0.36</v>
      </c>
      <c r="D37" s="94">
        <v>1.0770673903927353E-2</v>
      </c>
      <c r="E37" s="123">
        <v>0.44</v>
      </c>
      <c r="F37" s="94">
        <v>1.1137984017958874E-2</v>
      </c>
      <c r="G37" s="123">
        <v>0.2</v>
      </c>
      <c r="H37" s="94">
        <v>8.9777180358180629E-3</v>
      </c>
      <c r="I37" s="124">
        <v>10570</v>
      </c>
      <c r="J37" s="123">
        <v>7.0000000000000007E-2</v>
      </c>
      <c r="K37" s="94">
        <v>4.9678315993187698E-3</v>
      </c>
      <c r="L37" s="123">
        <v>0.33</v>
      </c>
      <c r="M37" s="94">
        <v>9.1458944045153031E-3</v>
      </c>
      <c r="N37" s="123">
        <v>0.45</v>
      </c>
      <c r="O37" s="94">
        <v>9.6760834098690348E-3</v>
      </c>
      <c r="P37" s="123">
        <v>0.15</v>
      </c>
      <c r="Q37" s="94">
        <v>6.9474142141470012E-3</v>
      </c>
    </row>
    <row r="38" spans="1:17">
      <c r="A38" s="49" t="s">
        <v>437</v>
      </c>
      <c r="B38" s="49">
        <v>7384</v>
      </c>
      <c r="C38" s="126">
        <v>0.36</v>
      </c>
      <c r="D38" s="97">
        <v>1.1169347068972688E-2</v>
      </c>
      <c r="E38" s="126">
        <v>0.43</v>
      </c>
      <c r="F38" s="97">
        <v>1.1519746105406547E-2</v>
      </c>
      <c r="G38" s="126">
        <v>0.21</v>
      </c>
      <c r="H38" s="97">
        <v>9.4800117976022863E-3</v>
      </c>
      <c r="I38" s="49">
        <v>8448</v>
      </c>
      <c r="J38" s="126">
        <v>0.06</v>
      </c>
      <c r="K38" s="97">
        <v>5.174805323020947E-3</v>
      </c>
      <c r="L38" s="126">
        <v>0.32</v>
      </c>
      <c r="M38" s="97">
        <v>1.0148697109705583E-2</v>
      </c>
      <c r="N38" s="126">
        <v>0.46</v>
      </c>
      <c r="O38" s="97">
        <v>1.0842448570167662E-2</v>
      </c>
      <c r="P38" s="126">
        <v>0.16</v>
      </c>
      <c r="Q38" s="97">
        <v>7.9785974947230963E-3</v>
      </c>
    </row>
    <row r="39" spans="1:17">
      <c r="A39" s="45" t="s">
        <v>438</v>
      </c>
      <c r="B39" s="53">
        <v>709</v>
      </c>
      <c r="C39" s="123">
        <v>0.33600000000000002</v>
      </c>
      <c r="D39" s="94">
        <v>3.5402310674731388E-2</v>
      </c>
      <c r="E39" s="123">
        <v>0.42</v>
      </c>
      <c r="F39" s="94">
        <v>3.6973255777585964E-2</v>
      </c>
      <c r="G39" s="123">
        <v>0.24399999999999999</v>
      </c>
      <c r="H39" s="94">
        <v>3.2233132550217612E-2</v>
      </c>
      <c r="I39" s="53">
        <v>1949</v>
      </c>
      <c r="J39" s="123">
        <v>8.3000000000000004E-2</v>
      </c>
      <c r="K39" s="94">
        <v>1.2543631215236904E-2</v>
      </c>
      <c r="L39" s="123">
        <v>0.35</v>
      </c>
      <c r="M39" s="94">
        <v>2.1590238426645487E-2</v>
      </c>
      <c r="N39" s="123">
        <v>0.40500000000000003</v>
      </c>
      <c r="O39" s="94">
        <v>2.22176512358165E-2</v>
      </c>
      <c r="P39" s="123">
        <v>0.16200000000000001</v>
      </c>
      <c r="Q39" s="94">
        <v>1.6703400019908173E-2</v>
      </c>
    </row>
    <row r="40" spans="1:17">
      <c r="A40" s="49" t="s">
        <v>439</v>
      </c>
      <c r="B40" s="49">
        <v>2972</v>
      </c>
      <c r="C40" s="126">
        <v>0.37</v>
      </c>
      <c r="D40" s="97">
        <v>1.7702188354808388E-2</v>
      </c>
      <c r="E40" s="126">
        <v>0.43</v>
      </c>
      <c r="F40" s="97">
        <v>1.815084505833716E-2</v>
      </c>
      <c r="G40" s="126">
        <v>0.2</v>
      </c>
      <c r="H40" s="97">
        <v>1.4675787100066506E-2</v>
      </c>
      <c r="I40" s="49">
        <v>3809</v>
      </c>
      <c r="J40" s="126">
        <v>0.06</v>
      </c>
      <c r="K40" s="97">
        <v>7.7195788425020928E-3</v>
      </c>
      <c r="L40" s="126">
        <v>0.31</v>
      </c>
      <c r="M40" s="97">
        <v>1.498231149235839E-2</v>
      </c>
      <c r="N40" s="126">
        <v>0.46</v>
      </c>
      <c r="O40" s="97">
        <v>1.6142668256780734E-2</v>
      </c>
      <c r="P40" s="126">
        <v>0.16</v>
      </c>
      <c r="Q40" s="97">
        <v>1.1884681122716212E-2</v>
      </c>
    </row>
    <row r="41" spans="1:17">
      <c r="A41" s="45" t="s">
        <v>440</v>
      </c>
      <c r="B41" s="53">
        <v>2758</v>
      </c>
      <c r="C41" s="123">
        <v>0.374</v>
      </c>
      <c r="D41" s="94">
        <v>1.8415509581669917E-2</v>
      </c>
      <c r="E41" s="123">
        <v>0.439</v>
      </c>
      <c r="F41" s="94">
        <v>1.888605912806909E-2</v>
      </c>
      <c r="G41" s="123">
        <v>0.187</v>
      </c>
      <c r="H41" s="94">
        <v>1.4852134188605261E-2</v>
      </c>
      <c r="I41" s="53">
        <v>3184</v>
      </c>
      <c r="J41" s="123">
        <v>0.06</v>
      </c>
      <c r="K41" s="94">
        <v>8.4483460439699135E-3</v>
      </c>
      <c r="L41" s="123">
        <v>0.29099999999999998</v>
      </c>
      <c r="M41" s="94">
        <v>1.6093693083615135E-2</v>
      </c>
      <c r="N41" s="123">
        <v>0.49399999999999999</v>
      </c>
      <c r="O41" s="94">
        <v>1.770963664124673E-2</v>
      </c>
      <c r="P41" s="123">
        <v>0.155</v>
      </c>
      <c r="Q41" s="94">
        <v>1.2833921057565666E-2</v>
      </c>
    </row>
    <row r="42" spans="1:17">
      <c r="A42" s="49" t="s">
        <v>452</v>
      </c>
      <c r="B42" s="49">
        <v>474</v>
      </c>
      <c r="C42" s="126">
        <v>0.41</v>
      </c>
      <c r="D42" s="97">
        <v>4.5004416114002743E-2</v>
      </c>
      <c r="E42" s="126">
        <v>0.46</v>
      </c>
      <c r="F42" s="97">
        <v>4.5594782990839744E-2</v>
      </c>
      <c r="G42" s="126">
        <v>0.13</v>
      </c>
      <c r="H42" s="97">
        <v>3.1073085223237078E-2</v>
      </c>
      <c r="I42" s="49">
        <v>560</v>
      </c>
      <c r="J42" s="126">
        <v>0.05</v>
      </c>
      <c r="K42" s="97">
        <v>1.8899164081703061E-2</v>
      </c>
      <c r="L42" s="126">
        <v>0.32</v>
      </c>
      <c r="M42" s="97">
        <v>3.9325694483449386E-2</v>
      </c>
      <c r="N42" s="126">
        <v>0.48</v>
      </c>
      <c r="O42" s="97">
        <v>4.2074372992226848E-2</v>
      </c>
      <c r="P42" s="126">
        <v>0.15</v>
      </c>
      <c r="Q42" s="97">
        <v>3.027432812129284E-2</v>
      </c>
    </row>
    <row r="43" spans="1:17">
      <c r="A43" s="45" t="s">
        <v>441</v>
      </c>
      <c r="B43" s="53">
        <v>124</v>
      </c>
      <c r="C43" s="123">
        <v>0.41</v>
      </c>
      <c r="D43" s="94">
        <v>8.7034177884996344E-2</v>
      </c>
      <c r="E43" s="123">
        <v>0.45</v>
      </c>
      <c r="F43" s="94">
        <v>8.7972618004437536E-2</v>
      </c>
      <c r="G43" s="123">
        <v>0.15</v>
      </c>
      <c r="H43" s="94">
        <v>6.4960714352442953E-2</v>
      </c>
      <c r="I43" s="53">
        <v>141</v>
      </c>
      <c r="J43" s="123">
        <v>0.02</v>
      </c>
      <c r="K43" s="94">
        <v>2.9774504257439664E-2</v>
      </c>
      <c r="L43" s="123">
        <v>0.32</v>
      </c>
      <c r="M43" s="94">
        <v>7.7790688184059514E-2</v>
      </c>
      <c r="N43" s="123">
        <v>0.45</v>
      </c>
      <c r="O43" s="94">
        <v>8.2651912974078423E-2</v>
      </c>
      <c r="P43" s="123">
        <v>0.2</v>
      </c>
      <c r="Q43" s="94">
        <v>6.7445411356586493E-2</v>
      </c>
    </row>
    <row r="44" spans="1:17">
      <c r="A44" s="49" t="s">
        <v>442</v>
      </c>
      <c r="B44" s="49">
        <v>87</v>
      </c>
      <c r="C44" s="126">
        <v>0.43</v>
      </c>
      <c r="D44" s="97">
        <v>0.10388524983352321</v>
      </c>
      <c r="E44" s="126">
        <v>0.53</v>
      </c>
      <c r="F44" s="97">
        <v>0.10465587395950884</v>
      </c>
      <c r="G44" s="126">
        <v>0.04</v>
      </c>
      <c r="H44" s="97">
        <v>4.9876047804713754E-2</v>
      </c>
      <c r="I44" s="49">
        <v>107</v>
      </c>
      <c r="J44" s="126">
        <v>0.02</v>
      </c>
      <c r="K44" s="97">
        <v>3.5971063902203004E-2</v>
      </c>
      <c r="L44" s="126">
        <v>0.42</v>
      </c>
      <c r="M44" s="97">
        <v>9.3780066697680672E-2</v>
      </c>
      <c r="N44" s="126">
        <v>0.38</v>
      </c>
      <c r="O44" s="97">
        <v>9.2340759071154313E-2</v>
      </c>
      <c r="P44" s="126">
        <v>0.18</v>
      </c>
      <c r="Q44" s="97">
        <v>7.4699929196806042E-2</v>
      </c>
    </row>
    <row r="45" spans="1:17">
      <c r="A45" s="45" t="s">
        <v>443</v>
      </c>
      <c r="B45" s="53">
        <v>98</v>
      </c>
      <c r="C45" s="123">
        <v>0.42</v>
      </c>
      <c r="D45" s="94">
        <v>9.7837824678812801E-2</v>
      </c>
      <c r="E45" s="123">
        <v>0.36</v>
      </c>
      <c r="F45" s="94">
        <v>9.5364545689002517E-2</v>
      </c>
      <c r="G45" s="123">
        <v>0.23</v>
      </c>
      <c r="H45" s="94">
        <v>8.4645868141444577E-2</v>
      </c>
      <c r="I45" s="53">
        <v>119</v>
      </c>
      <c r="J45" s="123">
        <v>0.08</v>
      </c>
      <c r="K45" s="94">
        <v>5.254084438588924E-2</v>
      </c>
      <c r="L45" s="123">
        <v>0.28999999999999998</v>
      </c>
      <c r="M45" s="94">
        <v>8.2387475127019841E-2</v>
      </c>
      <c r="N45" s="123">
        <v>0.52</v>
      </c>
      <c r="O45" s="94">
        <v>9.0099419925682406E-2</v>
      </c>
      <c r="P45" s="123">
        <v>0.11</v>
      </c>
      <c r="Q45" s="94">
        <v>5.9162673987039095E-2</v>
      </c>
    </row>
    <row r="46" spans="1:17">
      <c r="A46" s="49" t="s">
        <v>444</v>
      </c>
      <c r="B46" s="49">
        <v>67</v>
      </c>
      <c r="C46" s="126">
        <v>0.36</v>
      </c>
      <c r="D46" s="97">
        <v>0.1144604589638287</v>
      </c>
      <c r="E46" s="126">
        <v>0.6</v>
      </c>
      <c r="F46" s="97">
        <v>0.11654534771875083</v>
      </c>
      <c r="G46" s="126">
        <v>0.04</v>
      </c>
      <c r="H46" s="97">
        <v>5.8896251941238542E-2</v>
      </c>
      <c r="I46" s="49">
        <v>78</v>
      </c>
      <c r="J46" s="126">
        <v>0.01</v>
      </c>
      <c r="K46" s="97">
        <v>3.9971370030028382E-2</v>
      </c>
      <c r="L46" s="126">
        <v>0.34</v>
      </c>
      <c r="M46" s="97">
        <v>0.10519126478948887</v>
      </c>
      <c r="N46" s="126">
        <v>0.53</v>
      </c>
      <c r="O46" s="97">
        <v>0.11025152248175198</v>
      </c>
      <c r="P46" s="126">
        <v>0.12</v>
      </c>
      <c r="Q46" s="97">
        <v>7.6299857712050681E-2</v>
      </c>
    </row>
    <row r="47" spans="1:17">
      <c r="A47" s="45" t="s">
        <v>445</v>
      </c>
      <c r="B47" s="122">
        <v>98</v>
      </c>
      <c r="C47" s="123">
        <v>0.44</v>
      </c>
      <c r="D47" s="94">
        <v>9.8354464318266693E-2</v>
      </c>
      <c r="E47" s="123">
        <v>0.46</v>
      </c>
      <c r="F47" s="94">
        <v>9.8721837305335416E-2</v>
      </c>
      <c r="G47" s="123">
        <v>0.1</v>
      </c>
      <c r="H47" s="94">
        <v>6.3339409533038502E-2</v>
      </c>
      <c r="I47" s="124">
        <v>119</v>
      </c>
      <c r="J47" s="123">
        <v>0.06</v>
      </c>
      <c r="K47" s="94">
        <v>4.7296719171994968E-2</v>
      </c>
      <c r="L47" s="123">
        <v>0.24</v>
      </c>
      <c r="M47" s="94">
        <v>7.7925387731008239E-2</v>
      </c>
      <c r="N47" s="123">
        <v>0.55000000000000004</v>
      </c>
      <c r="O47" s="94">
        <v>8.9743982328257352E-2</v>
      </c>
      <c r="P47" s="123">
        <v>0.15</v>
      </c>
      <c r="Q47" s="94">
        <v>6.6341792284874329E-2</v>
      </c>
    </row>
    <row r="48" spans="1:17">
      <c r="A48" s="49" t="s">
        <v>453</v>
      </c>
      <c r="B48" s="125">
        <v>806</v>
      </c>
      <c r="C48" s="126">
        <v>0.31</v>
      </c>
      <c r="D48" s="97">
        <v>3.2527721347803552E-2</v>
      </c>
      <c r="E48" s="126">
        <v>0.49</v>
      </c>
      <c r="F48" s="97">
        <v>3.5129459707439761E-2</v>
      </c>
      <c r="G48" s="126">
        <v>0.2</v>
      </c>
      <c r="H48" s="97">
        <v>2.8186915281631499E-2</v>
      </c>
      <c r="I48" s="127">
        <v>935</v>
      </c>
      <c r="J48" s="126">
        <v>0.06</v>
      </c>
      <c r="K48" s="97">
        <v>1.572472208085008E-2</v>
      </c>
      <c r="L48" s="126">
        <v>0.28000000000000003</v>
      </c>
      <c r="M48" s="97">
        <v>2.9334941040650275E-2</v>
      </c>
      <c r="N48" s="126">
        <v>0.48</v>
      </c>
      <c r="O48" s="97">
        <v>3.2607871320986533E-2</v>
      </c>
      <c r="P48" s="126">
        <v>0.18</v>
      </c>
      <c r="Q48" s="97">
        <v>2.5148806062165088E-2</v>
      </c>
    </row>
    <row r="49" spans="1:17">
      <c r="A49" s="45" t="s">
        <v>446</v>
      </c>
      <c r="B49" s="83">
        <v>86</v>
      </c>
      <c r="C49" s="98">
        <v>0.48</v>
      </c>
      <c r="D49" s="94">
        <v>0.10533222898832452</v>
      </c>
      <c r="E49" s="98">
        <v>0.32</v>
      </c>
      <c r="F49" s="94">
        <v>9.8976091389116116E-2</v>
      </c>
      <c r="G49" s="98">
        <v>0.2</v>
      </c>
      <c r="H49" s="94">
        <v>8.6364144366159065E-2</v>
      </c>
      <c r="I49" s="83">
        <v>97</v>
      </c>
      <c r="J49" s="98">
        <v>0.06</v>
      </c>
      <c r="K49" s="94">
        <v>5.318787808040782E-2</v>
      </c>
      <c r="L49" s="98">
        <v>0.27</v>
      </c>
      <c r="M49" s="94">
        <v>8.9267010027771099E-2</v>
      </c>
      <c r="N49" s="98">
        <v>0.5</v>
      </c>
      <c r="O49" s="94">
        <v>9.9503719020998915E-2</v>
      </c>
      <c r="P49" s="98">
        <v>0.16</v>
      </c>
      <c r="Q49" s="94">
        <v>7.5353981830251701E-2</v>
      </c>
    </row>
    <row r="50" spans="1:17">
      <c r="A50" s="49" t="s">
        <v>447</v>
      </c>
      <c r="B50" s="125">
        <v>163</v>
      </c>
      <c r="C50" s="126">
        <v>0.19</v>
      </c>
      <c r="D50" s="97">
        <v>6.1604972963255747E-2</v>
      </c>
      <c r="E50" s="126">
        <v>0.51</v>
      </c>
      <c r="F50" s="97">
        <v>7.736757789251919E-2</v>
      </c>
      <c r="G50" s="126">
        <v>0.28999999999999998</v>
      </c>
      <c r="H50" s="97">
        <v>7.0581379463783248E-2</v>
      </c>
      <c r="I50" s="127">
        <v>194</v>
      </c>
      <c r="J50" s="126">
        <v>0.03</v>
      </c>
      <c r="K50" s="97">
        <v>2.7683309510266832E-2</v>
      </c>
      <c r="L50" s="126">
        <v>0.33</v>
      </c>
      <c r="M50" s="97">
        <v>6.7007595235536774E-2</v>
      </c>
      <c r="N50" s="126">
        <v>0.42</v>
      </c>
      <c r="O50" s="97">
        <v>7.0188199226874595E-2</v>
      </c>
      <c r="P50" s="126">
        <v>0.22</v>
      </c>
      <c r="Q50" s="97">
        <v>5.9413918723084817E-2</v>
      </c>
    </row>
    <row r="51" spans="1:17">
      <c r="A51" s="57" t="s">
        <v>448</v>
      </c>
      <c r="B51" s="122">
        <v>210</v>
      </c>
      <c r="C51" s="123">
        <v>0.24</v>
      </c>
      <c r="D51" s="94">
        <v>5.8788943747321361E-2</v>
      </c>
      <c r="E51" s="123">
        <v>0.53</v>
      </c>
      <c r="F51" s="94">
        <v>6.8240001208197412E-2</v>
      </c>
      <c r="G51" s="123">
        <v>0.22</v>
      </c>
      <c r="H51" s="94">
        <v>5.7111703971453424E-2</v>
      </c>
      <c r="I51" s="124">
        <v>235</v>
      </c>
      <c r="J51" s="123">
        <v>0.1</v>
      </c>
      <c r="K51" s="94">
        <v>3.9939458659851317E-2</v>
      </c>
      <c r="L51" s="123">
        <v>0.21</v>
      </c>
      <c r="M51" s="94">
        <v>5.3134629001989606E-2</v>
      </c>
      <c r="N51" s="123">
        <v>0.51</v>
      </c>
      <c r="O51" s="94">
        <v>6.4672114012704979E-2</v>
      </c>
      <c r="P51" s="123">
        <v>0.18</v>
      </c>
      <c r="Q51" s="94">
        <v>5.0271053099915038E-2</v>
      </c>
    </row>
    <row r="52" spans="1:17">
      <c r="A52" s="49" t="s">
        <v>449</v>
      </c>
      <c r="B52" s="125">
        <v>105</v>
      </c>
      <c r="C52" s="126">
        <v>0.35</v>
      </c>
      <c r="D52" s="97">
        <v>9.1695762543941545E-2</v>
      </c>
      <c r="E52" s="126">
        <v>0.48</v>
      </c>
      <c r="F52" s="97">
        <v>9.5711496749435632E-2</v>
      </c>
      <c r="G52" s="126">
        <v>0.18</v>
      </c>
      <c r="H52" s="97">
        <v>7.5413890497749464E-2</v>
      </c>
      <c r="I52" s="127">
        <v>122</v>
      </c>
      <c r="J52" s="126">
        <v>7.0000000000000007E-2</v>
      </c>
      <c r="K52" s="97">
        <v>4.9329902831944432E-2</v>
      </c>
      <c r="L52" s="126">
        <v>0.17</v>
      </c>
      <c r="M52" s="97">
        <v>6.8522857997687051E-2</v>
      </c>
      <c r="N52" s="126">
        <v>0.63</v>
      </c>
      <c r="O52" s="97">
        <v>8.6217882702024448E-2</v>
      </c>
      <c r="P52" s="126">
        <v>0.13</v>
      </c>
      <c r="Q52" s="97">
        <v>6.2145271239808383E-2</v>
      </c>
    </row>
    <row r="53" spans="1:17">
      <c r="A53" s="57" t="s">
        <v>450</v>
      </c>
      <c r="B53" s="122">
        <v>106</v>
      </c>
      <c r="C53" s="123">
        <v>0.4</v>
      </c>
      <c r="D53" s="94">
        <v>9.3558741797823933E-2</v>
      </c>
      <c r="E53" s="123">
        <v>0.44</v>
      </c>
      <c r="F53" s="94">
        <v>9.4706639462219841E-2</v>
      </c>
      <c r="G53" s="123">
        <v>0.16</v>
      </c>
      <c r="H53" s="94">
        <v>7.2023837776906879E-2</v>
      </c>
      <c r="I53" s="124">
        <v>125</v>
      </c>
      <c r="J53" s="123">
        <v>7.0000000000000007E-2</v>
      </c>
      <c r="K53" s="94">
        <v>4.86687550435074E-2</v>
      </c>
      <c r="L53" s="123">
        <v>0.32</v>
      </c>
      <c r="M53" s="94">
        <v>8.2514391575664287E-2</v>
      </c>
      <c r="N53" s="123">
        <v>0.42</v>
      </c>
      <c r="O53" s="94">
        <v>8.6980483554254084E-2</v>
      </c>
      <c r="P53" s="123">
        <v>0.2</v>
      </c>
      <c r="Q53" s="94">
        <v>7.1635351821734777E-2</v>
      </c>
    </row>
    <row r="54" spans="1:17">
      <c r="A54" s="49" t="s">
        <v>451</v>
      </c>
      <c r="B54" s="125">
        <v>136</v>
      </c>
      <c r="C54" s="126">
        <v>0.43</v>
      </c>
      <c r="D54" s="97">
        <v>8.3730178891143286E-2</v>
      </c>
      <c r="E54" s="126">
        <v>0.49</v>
      </c>
      <c r="F54" s="97">
        <v>8.4499472974360071E-2</v>
      </c>
      <c r="G54" s="126">
        <v>0.08</v>
      </c>
      <c r="H54" s="97">
        <v>4.8854302340150736E-2</v>
      </c>
      <c r="I54" s="127">
        <v>162</v>
      </c>
      <c r="J54" s="126">
        <v>0.04</v>
      </c>
      <c r="K54" s="97">
        <v>3.4176976618337296E-2</v>
      </c>
      <c r="L54" s="126">
        <v>0.35</v>
      </c>
      <c r="M54" s="97">
        <v>7.4214159829052329E-2</v>
      </c>
      <c r="N54" s="126">
        <v>0.46</v>
      </c>
      <c r="O54" s="97">
        <v>7.7378148189680279E-2</v>
      </c>
      <c r="P54" s="126">
        <v>0.15</v>
      </c>
      <c r="Q54" s="97">
        <v>5.668184014086125E-2</v>
      </c>
    </row>
    <row r="55" spans="1:17">
      <c r="A55" s="57" t="s">
        <v>457</v>
      </c>
      <c r="B55" s="122">
        <v>55</v>
      </c>
      <c r="C55" s="123">
        <v>0.26</v>
      </c>
      <c r="D55" s="94">
        <v>0.11642861142430763</v>
      </c>
      <c r="E55" s="123">
        <v>0.54</v>
      </c>
      <c r="F55" s="94">
        <v>0.12982637556680196</v>
      </c>
      <c r="G55" s="123">
        <v>0.2</v>
      </c>
      <c r="H55" s="94">
        <v>0.1079201574294205</v>
      </c>
      <c r="I55" s="124">
        <v>128</v>
      </c>
      <c r="J55" s="123">
        <v>0.05</v>
      </c>
      <c r="K55" s="94">
        <v>4.2493057136824823E-2</v>
      </c>
      <c r="L55" s="123">
        <v>0.38</v>
      </c>
      <c r="M55" s="94">
        <v>8.4648919184822008E-2</v>
      </c>
      <c r="N55" s="123">
        <v>0.39</v>
      </c>
      <c r="O55" s="94">
        <v>8.5035148209293032E-2</v>
      </c>
      <c r="P55" s="123">
        <v>0.18</v>
      </c>
      <c r="Q55" s="94">
        <v>6.8249104641647615E-2</v>
      </c>
    </row>
    <row r="56" spans="1:17">
      <c r="A56" s="49" t="s">
        <v>460</v>
      </c>
      <c r="B56" s="125">
        <v>47</v>
      </c>
      <c r="C56" s="126">
        <v>0.2</v>
      </c>
      <c r="D56" s="97">
        <v>0.11667417808004206</v>
      </c>
      <c r="E56" s="126">
        <v>0.41</v>
      </c>
      <c r="F56" s="97">
        <v>0.13808799730483734</v>
      </c>
      <c r="G56" s="126">
        <v>0.39</v>
      </c>
      <c r="H56" s="97">
        <v>0.1371198434761465</v>
      </c>
      <c r="I56" s="127">
        <v>193</v>
      </c>
      <c r="J56" s="126">
        <v>0.08</v>
      </c>
      <c r="K56" s="97">
        <v>4.0477035258374039E-2</v>
      </c>
      <c r="L56" s="126">
        <v>0.32</v>
      </c>
      <c r="M56" s="97">
        <v>6.666872086224003E-2</v>
      </c>
      <c r="N56" s="126">
        <v>0.41</v>
      </c>
      <c r="O56" s="97">
        <v>7.0130493969004601E-2</v>
      </c>
      <c r="P56" s="126">
        <v>0.19</v>
      </c>
      <c r="Q56" s="97">
        <v>5.6597773699326316E-2</v>
      </c>
    </row>
    <row r="57" spans="1:17">
      <c r="A57" s="57" t="s">
        <v>458</v>
      </c>
      <c r="B57" s="122">
        <v>64</v>
      </c>
      <c r="C57" s="123">
        <v>0.38</v>
      </c>
      <c r="D57" s="94">
        <v>0.1181335960227282</v>
      </c>
      <c r="E57" s="123">
        <v>0.32</v>
      </c>
      <c r="F57" s="94">
        <v>0.1140948145388786</v>
      </c>
      <c r="G57" s="123">
        <v>0.3</v>
      </c>
      <c r="H57" s="94">
        <v>0.1123459661959282</v>
      </c>
      <c r="I57" s="124">
        <v>174</v>
      </c>
      <c r="J57" s="123">
        <v>7.0000000000000007E-2</v>
      </c>
      <c r="K57" s="94">
        <v>4.0590235254187257E-2</v>
      </c>
      <c r="L57" s="123">
        <v>0.34</v>
      </c>
      <c r="M57" s="94">
        <v>7.1191723123430806E-2</v>
      </c>
      <c r="N57" s="123">
        <v>0.41</v>
      </c>
      <c r="O57" s="94">
        <v>7.3783764626770845E-2</v>
      </c>
      <c r="P57" s="123">
        <v>0.17</v>
      </c>
      <c r="Q57" s="94">
        <v>5.7267240466932927E-2</v>
      </c>
    </row>
    <row r="61" spans="1:17" ht="18.75">
      <c r="A61" s="321" t="s">
        <v>36</v>
      </c>
      <c r="B61" s="321"/>
      <c r="C61" s="321"/>
      <c r="D61" s="321"/>
      <c r="E61" s="321"/>
      <c r="F61" s="321"/>
      <c r="G61" s="321"/>
      <c r="H61" s="321"/>
    </row>
    <row r="62" spans="1:17" ht="69.75" customHeight="1">
      <c r="A62" s="352" t="s">
        <v>392</v>
      </c>
      <c r="B62" s="352"/>
      <c r="C62" s="352"/>
      <c r="D62" s="352"/>
      <c r="E62" s="352"/>
      <c r="F62" s="352"/>
      <c r="G62" s="352"/>
      <c r="H62" s="352"/>
    </row>
    <row r="63" spans="1:17" ht="40.5" customHeight="1">
      <c r="A63" s="109"/>
      <c r="B63" s="350" t="s">
        <v>409</v>
      </c>
      <c r="C63" s="351"/>
      <c r="D63" s="351"/>
      <c r="E63" s="351"/>
      <c r="F63" s="351"/>
      <c r="G63" s="351"/>
      <c r="H63" s="351"/>
    </row>
    <row r="64" spans="1:17" ht="39" customHeight="1">
      <c r="A64" s="37" t="s">
        <v>85</v>
      </c>
      <c r="B64" s="38" t="s">
        <v>86</v>
      </c>
      <c r="C64" s="65" t="s">
        <v>219</v>
      </c>
      <c r="D64" s="88" t="s">
        <v>132</v>
      </c>
      <c r="E64" s="65" t="s">
        <v>220</v>
      </c>
      <c r="F64" s="88" t="s">
        <v>333</v>
      </c>
      <c r="G64" s="65" t="s">
        <v>221</v>
      </c>
      <c r="H64" s="88" t="s">
        <v>334</v>
      </c>
    </row>
    <row r="65" spans="1:8" ht="60">
      <c r="A65" s="41"/>
      <c r="B65" s="42" t="s">
        <v>89</v>
      </c>
      <c r="C65" s="274" t="s">
        <v>201</v>
      </c>
      <c r="D65" s="90" t="s">
        <v>104</v>
      </c>
      <c r="E65" s="68" t="s">
        <v>216</v>
      </c>
      <c r="F65" s="90" t="s">
        <v>104</v>
      </c>
      <c r="G65" s="68" t="s">
        <v>217</v>
      </c>
      <c r="H65" s="90" t="s">
        <v>104</v>
      </c>
    </row>
    <row r="66" spans="1:8">
      <c r="A66" s="45" t="s">
        <v>436</v>
      </c>
      <c r="B66" s="129">
        <v>8997</v>
      </c>
      <c r="C66" s="123">
        <v>0.56000000000000005</v>
      </c>
      <c r="D66" s="94">
        <v>1.0464242263632699E-2</v>
      </c>
      <c r="E66" s="123">
        <v>0.22</v>
      </c>
      <c r="F66" s="94">
        <v>8.7343661825739962E-3</v>
      </c>
      <c r="G66" s="123">
        <v>0.22</v>
      </c>
      <c r="H66" s="94">
        <v>8.7343661825739962E-3</v>
      </c>
    </row>
    <row r="67" spans="1:8">
      <c r="A67" s="49" t="s">
        <v>437</v>
      </c>
      <c r="B67" s="49">
        <v>8387</v>
      </c>
      <c r="C67" s="126">
        <v>0.56000000000000005</v>
      </c>
      <c r="D67" s="97">
        <v>1.0837934223118812E-2</v>
      </c>
      <c r="E67" s="126">
        <v>0.22</v>
      </c>
      <c r="F67" s="97">
        <v>9.0464111124660667E-3</v>
      </c>
      <c r="G67" s="126">
        <v>0.22</v>
      </c>
      <c r="H67" s="97">
        <v>9.0464111124660667E-3</v>
      </c>
    </row>
    <row r="68" spans="1:8">
      <c r="A68" s="45" t="s">
        <v>438</v>
      </c>
      <c r="B68" s="53">
        <v>802</v>
      </c>
      <c r="C68" s="123">
        <v>0.47499999999999998</v>
      </c>
      <c r="D68" s="94">
        <v>3.5179877233827088E-2</v>
      </c>
      <c r="E68" s="123">
        <v>0.246</v>
      </c>
      <c r="F68" s="94">
        <v>3.0392206159740576E-2</v>
      </c>
      <c r="G68" s="123">
        <v>0.28000000000000003</v>
      </c>
      <c r="H68" s="94">
        <v>3.1668193291585024E-2</v>
      </c>
    </row>
    <row r="69" spans="1:8">
      <c r="A69" s="49" t="s">
        <v>439</v>
      </c>
      <c r="B69" s="49">
        <v>3397</v>
      </c>
      <c r="C69" s="126">
        <v>0.61</v>
      </c>
      <c r="D69" s="97">
        <v>1.6728225077285611E-2</v>
      </c>
      <c r="E69" s="126">
        <v>0.2</v>
      </c>
      <c r="F69" s="97">
        <v>1.3726936625351255E-2</v>
      </c>
      <c r="G69" s="126">
        <v>0.19</v>
      </c>
      <c r="H69" s="97">
        <v>1.3463702856006007E-2</v>
      </c>
    </row>
    <row r="70" spans="1:8">
      <c r="A70" s="45" t="s">
        <v>440</v>
      </c>
      <c r="B70" s="53">
        <v>3152</v>
      </c>
      <c r="C70" s="123">
        <v>0.61699999999999999</v>
      </c>
      <c r="D70" s="94">
        <v>1.7307539461696754E-2</v>
      </c>
      <c r="E70" s="123">
        <v>0.19400000000000001</v>
      </c>
      <c r="F70" s="94">
        <v>1.4088314747272146E-2</v>
      </c>
      <c r="G70" s="123">
        <v>0.189</v>
      </c>
      <c r="H70" s="94">
        <v>1.3949211618411646E-2</v>
      </c>
    </row>
    <row r="71" spans="1:8">
      <c r="A71" s="49" t="s">
        <v>452</v>
      </c>
      <c r="B71" s="49">
        <v>551</v>
      </c>
      <c r="C71" s="126">
        <v>0.59</v>
      </c>
      <c r="D71" s="97">
        <v>4.176436137624176E-2</v>
      </c>
      <c r="E71" s="126">
        <v>0.21</v>
      </c>
      <c r="F71" s="97">
        <v>3.4704194909681102E-2</v>
      </c>
      <c r="G71" s="126">
        <v>0.2</v>
      </c>
      <c r="H71" s="97">
        <v>3.4095004770277923E-2</v>
      </c>
    </row>
    <row r="72" spans="1:8">
      <c r="A72" s="45" t="s">
        <v>441</v>
      </c>
      <c r="B72" s="53">
        <v>141</v>
      </c>
      <c r="C72" s="123">
        <v>0.55000000000000004</v>
      </c>
      <c r="D72" s="94">
        <v>8.2651912974078409E-2</v>
      </c>
      <c r="E72" s="123">
        <v>0.26</v>
      </c>
      <c r="F72" s="94">
        <v>7.3444156125913262E-2</v>
      </c>
      <c r="G72" s="123">
        <v>0.19</v>
      </c>
      <c r="H72" s="94">
        <v>6.6255292458434714E-2</v>
      </c>
    </row>
    <row r="73" spans="1:8">
      <c r="A73" s="49" t="s">
        <v>442</v>
      </c>
      <c r="B73" s="49">
        <v>106</v>
      </c>
      <c r="C73" s="126">
        <v>0.69</v>
      </c>
      <c r="D73" s="97">
        <v>8.8723824618002017E-2</v>
      </c>
      <c r="E73" s="126">
        <v>0.12</v>
      </c>
      <c r="F73" s="97">
        <v>6.4922576555899641E-2</v>
      </c>
      <c r="G73" s="126">
        <v>0.2</v>
      </c>
      <c r="H73" s="97">
        <v>7.7793770790817479E-2</v>
      </c>
    </row>
    <row r="74" spans="1:8">
      <c r="A74" s="45" t="s">
        <v>443</v>
      </c>
      <c r="B74" s="53">
        <v>110</v>
      </c>
      <c r="C74" s="123">
        <v>0.56000000000000005</v>
      </c>
      <c r="D74" s="94">
        <v>9.302861273596616E-2</v>
      </c>
      <c r="E74" s="123">
        <v>0.19</v>
      </c>
      <c r="F74" s="94">
        <v>7.5049818850826927E-2</v>
      </c>
      <c r="G74" s="123">
        <v>0.25</v>
      </c>
      <c r="H74" s="94">
        <v>8.20374365034056E-2</v>
      </c>
    </row>
    <row r="75" spans="1:8">
      <c r="A75" s="49" t="s">
        <v>444</v>
      </c>
      <c r="B75" s="49">
        <v>77</v>
      </c>
      <c r="C75" s="126">
        <v>0.53</v>
      </c>
      <c r="D75" s="97">
        <v>0.11093022923486279</v>
      </c>
      <c r="E75" s="126">
        <v>0.2</v>
      </c>
      <c r="F75" s="97">
        <v>9.1265292349821309E-2</v>
      </c>
      <c r="G75" s="126">
        <v>0.28000000000000003</v>
      </c>
      <c r="H75" s="97">
        <v>0.10092466720602278</v>
      </c>
    </row>
    <row r="76" spans="1:8">
      <c r="A76" s="45" t="s">
        <v>445</v>
      </c>
      <c r="B76" s="129">
        <v>117</v>
      </c>
      <c r="C76" s="123">
        <v>0.6</v>
      </c>
      <c r="D76" s="94">
        <v>8.9192933939730393E-2</v>
      </c>
      <c r="E76" s="123">
        <v>0.28000000000000003</v>
      </c>
      <c r="F76" s="94">
        <v>8.2270890474326105E-2</v>
      </c>
      <c r="G76" s="123">
        <v>0.12</v>
      </c>
      <c r="H76" s="94">
        <v>6.1654677893021204E-2</v>
      </c>
    </row>
    <row r="77" spans="1:8">
      <c r="A77" s="49" t="s">
        <v>453</v>
      </c>
      <c r="B77" s="131">
        <v>905</v>
      </c>
      <c r="C77" s="126">
        <v>0.63</v>
      </c>
      <c r="D77" s="97">
        <v>3.2037409900132222E-2</v>
      </c>
      <c r="E77" s="126">
        <v>0.19</v>
      </c>
      <c r="F77" s="97">
        <v>2.6094851416392006E-2</v>
      </c>
      <c r="G77" s="126">
        <v>0.18</v>
      </c>
      <c r="H77" s="97">
        <v>2.5562901755094968E-2</v>
      </c>
    </row>
    <row r="78" spans="1:8">
      <c r="A78" s="45" t="s">
        <v>446</v>
      </c>
      <c r="B78" s="83">
        <v>95</v>
      </c>
      <c r="C78" s="98">
        <v>0.67</v>
      </c>
      <c r="D78" s="94">
        <v>9.5004130622810809E-2</v>
      </c>
      <c r="E78" s="98">
        <v>0.17</v>
      </c>
      <c r="F78" s="94">
        <v>7.7777777777777779E-2</v>
      </c>
      <c r="G78" s="98">
        <v>0.17</v>
      </c>
      <c r="H78" s="94">
        <v>7.7777777777777779E-2</v>
      </c>
    </row>
    <row r="79" spans="1:8">
      <c r="A79" s="49" t="s">
        <v>447</v>
      </c>
      <c r="B79" s="131">
        <v>187</v>
      </c>
      <c r="C79" s="126">
        <v>0.68</v>
      </c>
      <c r="D79" s="97">
        <v>6.7714036520552176E-2</v>
      </c>
      <c r="E79" s="126">
        <v>0.17</v>
      </c>
      <c r="F79" s="97">
        <v>5.5222253404924336E-2</v>
      </c>
      <c r="G79" s="126">
        <v>0.15</v>
      </c>
      <c r="H79" s="97">
        <v>5.2692362810306446E-2</v>
      </c>
    </row>
    <row r="80" spans="1:8">
      <c r="A80" s="57" t="s">
        <v>448</v>
      </c>
      <c r="B80" s="129">
        <v>222</v>
      </c>
      <c r="C80" s="123">
        <v>0.57999999999999996</v>
      </c>
      <c r="D80" s="94">
        <v>6.5692302833964697E-2</v>
      </c>
      <c r="E80" s="123">
        <v>0.23</v>
      </c>
      <c r="F80" s="94">
        <v>5.6389557562158639E-2</v>
      </c>
      <c r="G80" s="123">
        <v>0.19</v>
      </c>
      <c r="H80" s="94">
        <v>5.2759542315705822E-2</v>
      </c>
    </row>
    <row r="81" spans="1:8">
      <c r="A81" s="49" t="s">
        <v>449</v>
      </c>
      <c r="B81" s="131">
        <v>120</v>
      </c>
      <c r="C81" s="126">
        <v>0.64</v>
      </c>
      <c r="D81" s="97">
        <v>8.644299272102754E-2</v>
      </c>
      <c r="E81" s="126">
        <v>0.2</v>
      </c>
      <c r="F81" s="97">
        <v>7.3113433558373117E-2</v>
      </c>
      <c r="G81" s="126">
        <v>0.15</v>
      </c>
      <c r="H81" s="97">
        <v>6.605856502852811E-2</v>
      </c>
    </row>
    <row r="82" spans="1:8">
      <c r="A82" s="57" t="s">
        <v>450</v>
      </c>
      <c r="B82" s="129">
        <v>119</v>
      </c>
      <c r="C82" s="123">
        <v>0.67</v>
      </c>
      <c r="D82" s="94">
        <v>8.5149149102091634E-2</v>
      </c>
      <c r="E82" s="123">
        <v>0.13</v>
      </c>
      <c r="F82" s="94">
        <v>6.2951596709707E-2</v>
      </c>
      <c r="G82" s="123">
        <v>0.2</v>
      </c>
      <c r="H82" s="94">
        <v>7.342015786137443E-2</v>
      </c>
    </row>
    <row r="83" spans="1:8">
      <c r="A83" s="49" t="s">
        <v>451</v>
      </c>
      <c r="B83" s="131">
        <v>162</v>
      </c>
      <c r="C83" s="126">
        <v>0.59</v>
      </c>
      <c r="D83" s="97">
        <v>7.6408171249118056E-2</v>
      </c>
      <c r="E83" s="126">
        <v>0.2</v>
      </c>
      <c r="F83" s="97">
        <v>6.2918017450504529E-2</v>
      </c>
      <c r="G83" s="126">
        <v>0.2</v>
      </c>
      <c r="H83" s="97">
        <v>6.2918017450504529E-2</v>
      </c>
    </row>
    <row r="84" spans="1:8">
      <c r="A84" s="57" t="s">
        <v>457</v>
      </c>
      <c r="B84" s="129">
        <v>59</v>
      </c>
      <c r="C84" s="123">
        <v>0.45</v>
      </c>
      <c r="D84" s="94">
        <v>0.12543445318259056</v>
      </c>
      <c r="E84" s="123">
        <v>0.21</v>
      </c>
      <c r="F84" s="94">
        <v>0.10578214738702986</v>
      </c>
      <c r="G84" s="123">
        <v>0.34</v>
      </c>
      <c r="H84" s="94">
        <v>0.12019761343862052</v>
      </c>
    </row>
    <row r="85" spans="1:8">
      <c r="A85" s="49" t="s">
        <v>460</v>
      </c>
      <c r="B85" s="131">
        <v>53</v>
      </c>
      <c r="C85" s="126">
        <v>0.45</v>
      </c>
      <c r="D85" s="97">
        <v>0.13187941480762602</v>
      </c>
      <c r="E85" s="126">
        <v>0.22</v>
      </c>
      <c r="F85" s="97">
        <v>0.11308044667709288</v>
      </c>
      <c r="G85" s="126">
        <v>0.33</v>
      </c>
      <c r="H85" s="97">
        <v>0.12566003136751561</v>
      </c>
    </row>
    <row r="86" spans="1:8">
      <c r="A86" s="57" t="s">
        <v>458</v>
      </c>
      <c r="B86" s="129">
        <v>76</v>
      </c>
      <c r="C86" s="123">
        <v>0.48</v>
      </c>
      <c r="D86" s="94">
        <v>0.11172264765928169</v>
      </c>
      <c r="E86" s="123">
        <v>0.27</v>
      </c>
      <c r="F86" s="94">
        <v>0.10056285347980137</v>
      </c>
      <c r="G86" s="123">
        <v>0.24</v>
      </c>
      <c r="H86" s="94">
        <v>9.7208795898313646E-2</v>
      </c>
    </row>
    <row r="90" spans="1:8" ht="18.75">
      <c r="A90" s="321" t="s">
        <v>10</v>
      </c>
      <c r="B90" s="321"/>
      <c r="C90" s="321"/>
      <c r="D90" s="321"/>
    </row>
    <row r="91" spans="1:8" ht="123.75" customHeight="1">
      <c r="A91" s="349" t="s">
        <v>484</v>
      </c>
      <c r="B91" s="349"/>
      <c r="C91" s="349"/>
      <c r="D91" s="349"/>
    </row>
    <row r="92" spans="1:8" ht="37.5" customHeight="1">
      <c r="A92" s="348" t="s">
        <v>133</v>
      </c>
      <c r="B92" s="348"/>
      <c r="C92" s="348"/>
      <c r="D92" s="348"/>
    </row>
    <row r="93" spans="1:8" ht="36" customHeight="1">
      <c r="A93" s="37" t="s">
        <v>85</v>
      </c>
      <c r="B93" s="38" t="s">
        <v>86</v>
      </c>
      <c r="C93" s="39" t="s">
        <v>87</v>
      </c>
      <c r="D93" s="40" t="s">
        <v>88</v>
      </c>
    </row>
    <row r="94" spans="1:8" ht="60">
      <c r="A94" s="41"/>
      <c r="B94" s="42" t="s">
        <v>89</v>
      </c>
      <c r="C94" s="43" t="s">
        <v>134</v>
      </c>
      <c r="D94" s="44" t="s">
        <v>91</v>
      </c>
    </row>
    <row r="95" spans="1:8">
      <c r="A95" s="45" t="s">
        <v>436</v>
      </c>
      <c r="B95" s="129">
        <v>11074</v>
      </c>
      <c r="C95" s="84">
        <v>3.58</v>
      </c>
      <c r="D95" s="85">
        <v>1.9599999999999999E-2</v>
      </c>
    </row>
    <row r="96" spans="1:8">
      <c r="A96" s="49" t="s">
        <v>437</v>
      </c>
      <c r="B96" s="49">
        <v>8741</v>
      </c>
      <c r="C96" s="120">
        <v>3.534729</v>
      </c>
      <c r="D96" s="121">
        <v>2.8834931999999997E-2</v>
      </c>
    </row>
    <row r="97" spans="1:4">
      <c r="A97" s="45" t="s">
        <v>438</v>
      </c>
      <c r="B97" s="53">
        <v>836</v>
      </c>
      <c r="C97" s="84">
        <v>3.51</v>
      </c>
      <c r="D97" s="85">
        <v>9.8000000000000004E-2</v>
      </c>
    </row>
    <row r="98" spans="1:4">
      <c r="A98" s="49" t="s">
        <v>439</v>
      </c>
      <c r="B98" s="49">
        <v>3951</v>
      </c>
      <c r="C98" s="120">
        <v>3.65</v>
      </c>
      <c r="D98" s="121">
        <v>3.9199999999999999E-2</v>
      </c>
    </row>
    <row r="99" spans="1:4">
      <c r="A99" s="45" t="s">
        <v>440</v>
      </c>
      <c r="B99" s="53">
        <v>3282</v>
      </c>
      <c r="C99" s="84">
        <v>3.7</v>
      </c>
      <c r="D99" s="85">
        <v>3.9199999999999999E-2</v>
      </c>
    </row>
    <row r="100" spans="1:4">
      <c r="A100" s="49" t="s">
        <v>452</v>
      </c>
      <c r="B100" s="49">
        <v>581</v>
      </c>
      <c r="C100" s="120">
        <v>3.44</v>
      </c>
      <c r="D100" s="121">
        <v>0.1176</v>
      </c>
    </row>
    <row r="101" spans="1:4">
      <c r="A101" s="45" t="s">
        <v>441</v>
      </c>
      <c r="B101" s="53">
        <v>149</v>
      </c>
      <c r="C101" s="84">
        <v>3.53</v>
      </c>
      <c r="D101" s="85">
        <v>0.21559999999999999</v>
      </c>
    </row>
    <row r="102" spans="1:4">
      <c r="A102" s="49" t="s">
        <v>442</v>
      </c>
      <c r="B102" s="49">
        <v>109</v>
      </c>
      <c r="C102" s="120">
        <v>3.49</v>
      </c>
      <c r="D102" s="121">
        <v>0.27440000000000003</v>
      </c>
    </row>
    <row r="103" spans="1:4">
      <c r="A103" s="45" t="s">
        <v>443</v>
      </c>
      <c r="B103" s="53">
        <v>122</v>
      </c>
      <c r="C103" s="84">
        <v>3.26</v>
      </c>
      <c r="D103" s="85">
        <v>0.25480000000000003</v>
      </c>
    </row>
    <row r="104" spans="1:4">
      <c r="A104" s="49" t="s">
        <v>444</v>
      </c>
      <c r="B104" s="49">
        <v>82</v>
      </c>
      <c r="C104" s="120">
        <v>3.54</v>
      </c>
      <c r="D104" s="121">
        <v>0.31359999999999999</v>
      </c>
    </row>
    <row r="105" spans="1:4">
      <c r="A105" s="45" t="s">
        <v>445</v>
      </c>
      <c r="B105" s="129">
        <v>123</v>
      </c>
      <c r="C105" s="117">
        <v>3.45</v>
      </c>
      <c r="D105" s="118">
        <v>0.25480000000000003</v>
      </c>
    </row>
    <row r="106" spans="1:4">
      <c r="A106" s="49" t="s">
        <v>453</v>
      </c>
      <c r="B106" s="131">
        <v>966</v>
      </c>
      <c r="C106" s="120">
        <v>3.7</v>
      </c>
      <c r="D106" s="121">
        <v>7.8399999999999997E-2</v>
      </c>
    </row>
    <row r="107" spans="1:4">
      <c r="A107" s="45" t="s">
        <v>446</v>
      </c>
      <c r="B107" s="83">
        <v>105</v>
      </c>
      <c r="C107" s="84">
        <v>3.39</v>
      </c>
      <c r="D107" s="85">
        <v>0.25480000000000003</v>
      </c>
    </row>
    <row r="108" spans="1:4">
      <c r="A108" s="49" t="s">
        <v>447</v>
      </c>
      <c r="B108" s="131">
        <v>198</v>
      </c>
      <c r="C108" s="120">
        <v>4</v>
      </c>
      <c r="D108" s="121">
        <v>0.19600000000000001</v>
      </c>
    </row>
    <row r="109" spans="1:4">
      <c r="A109" s="57" t="s">
        <v>448</v>
      </c>
      <c r="B109" s="129">
        <v>242</v>
      </c>
      <c r="C109" s="117">
        <v>3.9</v>
      </c>
      <c r="D109" s="118">
        <v>0.15679999999999999</v>
      </c>
    </row>
    <row r="110" spans="1:4">
      <c r="A110" s="49" t="s">
        <v>449</v>
      </c>
      <c r="B110" s="131">
        <v>126</v>
      </c>
      <c r="C110" s="120">
        <v>3.36</v>
      </c>
      <c r="D110" s="121">
        <v>0.23519999999999999</v>
      </c>
    </row>
    <row r="111" spans="1:4">
      <c r="A111" s="57" t="s">
        <v>450</v>
      </c>
      <c r="B111" s="129">
        <v>127</v>
      </c>
      <c r="C111" s="117">
        <v>3.45</v>
      </c>
      <c r="D111" s="118">
        <v>0.23519999999999999</v>
      </c>
    </row>
    <row r="112" spans="1:4">
      <c r="A112" s="49" t="s">
        <v>451</v>
      </c>
      <c r="B112" s="131">
        <v>168</v>
      </c>
      <c r="C112" s="120">
        <v>3.48</v>
      </c>
      <c r="D112" s="121">
        <v>0.21559999999999999</v>
      </c>
    </row>
    <row r="113" spans="1:30">
      <c r="A113" s="57" t="s">
        <v>457</v>
      </c>
      <c r="B113" s="129">
        <v>130</v>
      </c>
      <c r="C113" s="117">
        <v>3.38</v>
      </c>
      <c r="D113" s="118">
        <v>0.37240000000000001</v>
      </c>
    </row>
    <row r="114" spans="1:30">
      <c r="A114" s="49" t="s">
        <v>460</v>
      </c>
      <c r="B114" s="131">
        <v>195</v>
      </c>
      <c r="C114" s="120">
        <v>3.41</v>
      </c>
      <c r="D114" s="121">
        <v>0.41159999999999997</v>
      </c>
    </row>
    <row r="115" spans="1:30">
      <c r="A115" s="57" t="s">
        <v>458</v>
      </c>
      <c r="B115" s="129">
        <v>183</v>
      </c>
      <c r="C115" s="117">
        <v>3.63</v>
      </c>
      <c r="D115" s="118">
        <v>0.31359999999999999</v>
      </c>
    </row>
    <row r="118" spans="1:30">
      <c r="P118" s="250"/>
      <c r="Q118" s="250"/>
      <c r="R118" s="250"/>
      <c r="S118" s="250"/>
      <c r="T118" s="250"/>
      <c r="U118" s="250"/>
      <c r="V118" s="250"/>
      <c r="W118" s="250"/>
      <c r="X118" s="250"/>
      <c r="Y118" s="250"/>
      <c r="Z118" s="250"/>
      <c r="AA118" s="250"/>
      <c r="AB118" s="250"/>
      <c r="AC118" s="250"/>
      <c r="AD118" s="250"/>
    </row>
    <row r="119" spans="1:30" ht="18.75">
      <c r="A119" s="322" t="s">
        <v>37</v>
      </c>
      <c r="B119" s="322"/>
      <c r="C119" s="322"/>
      <c r="D119" s="322"/>
      <c r="E119" s="322"/>
      <c r="F119" s="322"/>
      <c r="G119" s="322"/>
      <c r="H119" s="322"/>
      <c r="I119" s="322"/>
      <c r="J119" s="322"/>
      <c r="K119" s="322"/>
      <c r="L119" s="322"/>
      <c r="M119" s="322"/>
      <c r="N119" s="322"/>
      <c r="O119" s="322"/>
      <c r="P119" s="322"/>
      <c r="Q119" s="322"/>
      <c r="R119" s="322"/>
      <c r="S119" s="322"/>
      <c r="T119" s="228"/>
      <c r="U119" s="228"/>
      <c r="V119" s="228"/>
      <c r="W119" s="228"/>
      <c r="X119" s="228"/>
      <c r="Y119" s="228"/>
      <c r="Z119" s="228"/>
      <c r="AA119" s="228"/>
      <c r="AB119" s="250"/>
    </row>
    <row r="120" spans="1:30" ht="72" customHeight="1">
      <c r="A120" s="358" t="s">
        <v>384</v>
      </c>
      <c r="B120" s="358"/>
      <c r="C120" s="358"/>
      <c r="D120" s="358"/>
      <c r="E120" s="358"/>
      <c r="F120" s="358"/>
      <c r="G120" s="358"/>
      <c r="H120" s="358"/>
      <c r="I120" s="358"/>
      <c r="J120" s="358"/>
      <c r="K120" s="358"/>
      <c r="L120" s="358"/>
      <c r="M120" s="358"/>
      <c r="N120" s="358"/>
      <c r="O120" s="358"/>
      <c r="P120" s="358"/>
      <c r="Q120" s="358"/>
      <c r="R120" s="358"/>
      <c r="S120" s="358"/>
      <c r="T120" s="231"/>
      <c r="U120" s="231"/>
      <c r="V120" s="231"/>
      <c r="W120" s="231"/>
      <c r="X120" s="231"/>
      <c r="Y120" s="231"/>
      <c r="Z120" s="231"/>
      <c r="AA120" s="231"/>
      <c r="AB120" s="250"/>
    </row>
    <row r="121" spans="1:30" ht="41.25" customHeight="1">
      <c r="A121" s="64"/>
      <c r="B121" s="353" t="s">
        <v>245</v>
      </c>
      <c r="C121" s="354"/>
      <c r="D121" s="354"/>
      <c r="E121" s="354"/>
      <c r="F121" s="354"/>
      <c r="G121" s="354"/>
      <c r="H121" s="354"/>
      <c r="I121" s="354"/>
      <c r="J121" s="355"/>
      <c r="K121" s="356" t="s">
        <v>218</v>
      </c>
      <c r="L121" s="359"/>
      <c r="M121" s="359"/>
      <c r="N121" s="359"/>
      <c r="O121" s="359"/>
      <c r="P121" s="359"/>
      <c r="Q121" s="359"/>
      <c r="R121" s="359"/>
      <c r="S121" s="359"/>
      <c r="T121" s="250"/>
      <c r="U121" s="250"/>
      <c r="V121" s="250"/>
      <c r="W121" s="250"/>
      <c r="X121" s="250"/>
      <c r="Y121" s="250"/>
      <c r="Z121" s="250"/>
      <c r="AA121" s="250"/>
      <c r="AB121" s="250"/>
    </row>
    <row r="122" spans="1:30" ht="40.5" customHeight="1">
      <c r="A122" s="37" t="s">
        <v>85</v>
      </c>
      <c r="B122" s="38" t="s">
        <v>86</v>
      </c>
      <c r="C122" s="38" t="s">
        <v>178</v>
      </c>
      <c r="D122" s="89" t="s">
        <v>101</v>
      </c>
      <c r="E122" s="38" t="s">
        <v>179</v>
      </c>
      <c r="F122" s="89" t="s">
        <v>102</v>
      </c>
      <c r="G122" s="38" t="s">
        <v>180</v>
      </c>
      <c r="H122" s="89" t="s">
        <v>103</v>
      </c>
      <c r="I122" s="38" t="s">
        <v>357</v>
      </c>
      <c r="J122" s="89" t="s">
        <v>356</v>
      </c>
      <c r="K122" s="65" t="s">
        <v>86</v>
      </c>
      <c r="L122" s="65" t="s">
        <v>178</v>
      </c>
      <c r="M122" s="88" t="s">
        <v>101</v>
      </c>
      <c r="N122" s="65" t="s">
        <v>179</v>
      </c>
      <c r="O122" s="88" t="s">
        <v>102</v>
      </c>
      <c r="P122" s="65" t="s">
        <v>180</v>
      </c>
      <c r="Q122" s="88" t="s">
        <v>103</v>
      </c>
      <c r="R122" s="65" t="s">
        <v>357</v>
      </c>
      <c r="S122" s="88" t="s">
        <v>356</v>
      </c>
    </row>
    <row r="123" spans="1:30" ht="66" customHeight="1">
      <c r="A123" s="41"/>
      <c r="B123" s="42" t="s">
        <v>89</v>
      </c>
      <c r="C123" s="42" t="s">
        <v>181</v>
      </c>
      <c r="D123" s="91" t="s">
        <v>104</v>
      </c>
      <c r="E123" s="42" t="s">
        <v>182</v>
      </c>
      <c r="F123" s="91" t="s">
        <v>104</v>
      </c>
      <c r="G123" s="42" t="s">
        <v>183</v>
      </c>
      <c r="H123" s="91" t="s">
        <v>104</v>
      </c>
      <c r="I123" s="42" t="s">
        <v>357</v>
      </c>
      <c r="J123" s="91" t="s">
        <v>104</v>
      </c>
      <c r="K123" s="68" t="s">
        <v>89</v>
      </c>
      <c r="L123" s="68" t="s">
        <v>181</v>
      </c>
      <c r="M123" s="90" t="s">
        <v>104</v>
      </c>
      <c r="N123" s="68" t="s">
        <v>182</v>
      </c>
      <c r="O123" s="90" t="s">
        <v>104</v>
      </c>
      <c r="P123" s="68" t="s">
        <v>183</v>
      </c>
      <c r="Q123" s="90" t="s">
        <v>104</v>
      </c>
      <c r="R123" s="68" t="s">
        <v>357</v>
      </c>
      <c r="S123" s="90" t="s">
        <v>104</v>
      </c>
    </row>
    <row r="124" spans="1:30">
      <c r="A124" s="45" t="s">
        <v>436</v>
      </c>
      <c r="B124" s="133">
        <v>9369</v>
      </c>
      <c r="C124" s="134">
        <v>0.37</v>
      </c>
      <c r="D124" s="94">
        <v>9.9741353621355475E-3</v>
      </c>
      <c r="E124" s="134">
        <v>0.221</v>
      </c>
      <c r="F124" s="94">
        <v>8.5731282152094537E-3</v>
      </c>
      <c r="G124" s="134">
        <v>0.40600000000000003</v>
      </c>
      <c r="H124" s="94">
        <v>1.0145038873403799E-2</v>
      </c>
      <c r="I124" s="134">
        <v>3.0000000000000001E-3</v>
      </c>
      <c r="J124" s="94">
        <v>1.1689246013616803E-3</v>
      </c>
      <c r="K124" s="133">
        <v>9309</v>
      </c>
      <c r="L124" s="134">
        <v>0.56100000000000005</v>
      </c>
      <c r="M124" s="94">
        <v>1.0284938582580939E-2</v>
      </c>
      <c r="N124" s="134">
        <v>0.153</v>
      </c>
      <c r="O124" s="94">
        <v>7.4635564944022306E-3</v>
      </c>
      <c r="P124" s="134">
        <v>0.17199999999999999</v>
      </c>
      <c r="Q124" s="94">
        <v>7.823578070147828E-3</v>
      </c>
      <c r="R124" s="134">
        <v>0.114</v>
      </c>
      <c r="S124" s="94">
        <v>6.5906676373308224E-3</v>
      </c>
    </row>
    <row r="125" spans="1:30">
      <c r="A125" s="49" t="s">
        <v>437</v>
      </c>
      <c r="B125" s="135">
        <v>8729</v>
      </c>
      <c r="C125" s="136">
        <v>0.37375328790127532</v>
      </c>
      <c r="D125" s="97">
        <v>1.0354450295772881E-2</v>
      </c>
      <c r="E125" s="136">
        <v>0.21759286025718899</v>
      </c>
      <c r="F125" s="97">
        <v>8.8324285743558578E-3</v>
      </c>
      <c r="G125" s="136">
        <v>0.40625327016899487</v>
      </c>
      <c r="H125" s="97">
        <v>1.0511254749015609E-2</v>
      </c>
      <c r="I125" s="136">
        <v>2.4005816725408747E-3</v>
      </c>
      <c r="J125" s="97">
        <v>1.0957982685366465E-3</v>
      </c>
      <c r="K125" s="135">
        <v>8676</v>
      </c>
      <c r="L125" s="136">
        <v>0.59507818213662678</v>
      </c>
      <c r="M125" s="97">
        <v>1.0537807050497342E-2</v>
      </c>
      <c r="N125" s="136">
        <v>0.14526782920903189</v>
      </c>
      <c r="O125" s="97">
        <v>7.5678509073263808E-3</v>
      </c>
      <c r="P125" s="136">
        <v>0.16198415705035279</v>
      </c>
      <c r="Q125" s="97">
        <v>7.912265737003878E-3</v>
      </c>
      <c r="R125" s="136">
        <v>9.7669831603988483E-2</v>
      </c>
      <c r="S125" s="97">
        <v>6.3782316201213256E-3</v>
      </c>
    </row>
    <row r="126" spans="1:30">
      <c r="A126" s="45" t="s">
        <v>438</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9</v>
      </c>
      <c r="B127" s="135">
        <v>3531</v>
      </c>
      <c r="C127" s="136">
        <v>0.32200000000000001</v>
      </c>
      <c r="D127" s="97">
        <v>1.5719884001007909E-2</v>
      </c>
      <c r="E127" s="136">
        <v>0.22700000000000001</v>
      </c>
      <c r="F127" s="97">
        <v>1.4097641718805023E-2</v>
      </c>
      <c r="G127" s="136">
        <v>0.44800000000000001</v>
      </c>
      <c r="H127" s="97">
        <v>1.6728199633786675E-2</v>
      </c>
      <c r="I127" s="136">
        <v>3.0000000000000001E-3</v>
      </c>
      <c r="J127" s="97">
        <v>2.0041500685369926E-3</v>
      </c>
      <c r="K127" s="135">
        <v>3515</v>
      </c>
      <c r="L127" s="136">
        <v>0.56000000000000005</v>
      </c>
      <c r="M127" s="97">
        <v>1.6735855687042597E-2</v>
      </c>
      <c r="N127" s="136">
        <v>0.16500000000000001</v>
      </c>
      <c r="O127" s="97">
        <v>1.2525846392379832E-2</v>
      </c>
      <c r="P127" s="136">
        <v>0.13500000000000001</v>
      </c>
      <c r="Q127" s="97">
        <v>1.1536058496611094E-2</v>
      </c>
      <c r="R127" s="136">
        <v>0.13900000000000001</v>
      </c>
      <c r="S127" s="97">
        <v>1.1677931469462442E-2</v>
      </c>
    </row>
    <row r="128" spans="1:30">
      <c r="A128" s="45" t="s">
        <v>440</v>
      </c>
      <c r="B128" s="83">
        <v>3273</v>
      </c>
      <c r="C128" s="98">
        <v>0.317</v>
      </c>
      <c r="D128" s="94">
        <v>1.6259743413264107E-2</v>
      </c>
      <c r="E128" s="98">
        <v>0.22</v>
      </c>
      <c r="F128" s="94">
        <v>1.4480792483138182E-2</v>
      </c>
      <c r="G128" s="98">
        <v>0.46</v>
      </c>
      <c r="H128" s="94">
        <v>1.7412895078562588E-2</v>
      </c>
      <c r="I128" s="98">
        <v>3.0000000000000001E-3</v>
      </c>
      <c r="J128" s="94">
        <v>2.0943985583118611E-3</v>
      </c>
      <c r="K128" s="83">
        <v>3258</v>
      </c>
      <c r="L128" s="98">
        <v>0.56200000000000006</v>
      </c>
      <c r="M128" s="94">
        <v>1.7374068979906808E-2</v>
      </c>
      <c r="N128" s="98">
        <v>0.16900000000000001</v>
      </c>
      <c r="O128" s="94">
        <v>1.3135502449492078E-2</v>
      </c>
      <c r="P128" s="98">
        <v>0.14199999999999999</v>
      </c>
      <c r="Q128" s="94">
        <v>1.2238691264437156E-2</v>
      </c>
      <c r="R128" s="98">
        <v>0.127</v>
      </c>
      <c r="S128" s="94">
        <v>1.167787567520133E-2</v>
      </c>
    </row>
    <row r="129" spans="1:33">
      <c r="A129" s="49" t="s">
        <v>452</v>
      </c>
      <c r="B129" s="135">
        <v>571</v>
      </c>
      <c r="C129" s="136">
        <v>0.31900000000000001</v>
      </c>
      <c r="D129" s="97">
        <v>3.8915133509410338E-2</v>
      </c>
      <c r="E129" s="136">
        <v>0.22800000000000001</v>
      </c>
      <c r="F129" s="97">
        <v>3.509408594165897E-2</v>
      </c>
      <c r="G129" s="136">
        <v>0.45300000000000001</v>
      </c>
      <c r="H129" s="97">
        <v>4.1520796424670929E-2</v>
      </c>
      <c r="I129" s="136">
        <v>0</v>
      </c>
      <c r="J129" s="97">
        <v>4.9104414542631373E-3</v>
      </c>
      <c r="K129" s="135">
        <v>567</v>
      </c>
      <c r="L129" s="136">
        <v>0.65900000000000003</v>
      </c>
      <c r="M129" s="97">
        <v>3.9707508456390206E-2</v>
      </c>
      <c r="N129" s="136">
        <v>0.13500000000000001</v>
      </c>
      <c r="O129" s="97">
        <v>2.8828256726344006E-2</v>
      </c>
      <c r="P129" s="136">
        <v>7.3999999999999996E-2</v>
      </c>
      <c r="Q129" s="97">
        <v>2.231091637510544E-2</v>
      </c>
      <c r="R129" s="136">
        <v>0.13200000000000001</v>
      </c>
      <c r="S129" s="97">
        <v>2.8563593998748367E-2</v>
      </c>
    </row>
    <row r="130" spans="1:33">
      <c r="A130" s="45" t="s">
        <v>441</v>
      </c>
      <c r="B130" s="83">
        <v>148</v>
      </c>
      <c r="C130" s="98">
        <v>0.29599999999999999</v>
      </c>
      <c r="D130" s="94">
        <v>7.4435683266066643E-2</v>
      </c>
      <c r="E130" s="98">
        <v>0.38500000000000001</v>
      </c>
      <c r="F130" s="94">
        <v>7.9050599059669796E-2</v>
      </c>
      <c r="G130" s="98">
        <v>0.31900000000000001</v>
      </c>
      <c r="H130" s="94">
        <v>7.5905165118747564E-2</v>
      </c>
      <c r="I130" s="98">
        <v>0</v>
      </c>
      <c r="J130" s="94">
        <v>1.8485246281217643E-2</v>
      </c>
      <c r="K130" s="83">
        <v>146</v>
      </c>
      <c r="L130" s="98">
        <v>0.55700000000000005</v>
      </c>
      <c r="M130" s="94">
        <v>8.1145461093027255E-2</v>
      </c>
      <c r="N130" s="98">
        <v>0.12</v>
      </c>
      <c r="O130" s="94">
        <v>5.4942066188277239E-2</v>
      </c>
      <c r="P130" s="98">
        <v>0.109</v>
      </c>
      <c r="Q130" s="94">
        <v>5.2956318591975547E-2</v>
      </c>
      <c r="R130" s="98">
        <v>0.214</v>
      </c>
      <c r="S130" s="94">
        <v>6.7824929003798967E-2</v>
      </c>
    </row>
    <row r="131" spans="1:33">
      <c r="A131" s="49" t="s">
        <v>442</v>
      </c>
      <c r="B131" s="135">
        <v>108</v>
      </c>
      <c r="C131" s="136">
        <v>0.251</v>
      </c>
      <c r="D131" s="97">
        <v>8.2882998417946191E-2</v>
      </c>
      <c r="E131" s="136">
        <v>0.191</v>
      </c>
      <c r="F131" s="97">
        <v>7.5879906157873558E-2</v>
      </c>
      <c r="G131" s="136">
        <v>0.55800000000000005</v>
      </c>
      <c r="H131" s="97">
        <v>9.3898120112393083E-2</v>
      </c>
      <c r="I131" s="136">
        <v>0</v>
      </c>
      <c r="J131" s="97">
        <v>2.5027317436669111E-2</v>
      </c>
      <c r="K131" s="135">
        <v>108</v>
      </c>
      <c r="L131" s="136">
        <v>0.65700000000000003</v>
      </c>
      <c r="M131" s="97">
        <v>9.0055578633840339E-2</v>
      </c>
      <c r="N131" s="136">
        <v>0.13200000000000001</v>
      </c>
      <c r="O131" s="97">
        <v>6.6568012525124939E-2</v>
      </c>
      <c r="P131" s="136">
        <v>6.4000000000000001E-2</v>
      </c>
      <c r="Q131" s="97">
        <v>5.1143990125404978E-2</v>
      </c>
      <c r="R131" s="136">
        <v>0.14599999999999999</v>
      </c>
      <c r="S131" s="97">
        <v>6.9043283789541388E-2</v>
      </c>
    </row>
    <row r="132" spans="1:33">
      <c r="A132" s="45" t="s">
        <v>443</v>
      </c>
      <c r="B132" s="83">
        <v>116</v>
      </c>
      <c r="C132" s="98">
        <v>0.315</v>
      </c>
      <c r="D132" s="94">
        <v>8.5248389796892726E-2</v>
      </c>
      <c r="E132" s="98">
        <v>0.186</v>
      </c>
      <c r="F132" s="94">
        <v>7.2541371082427974E-2</v>
      </c>
      <c r="G132" s="98">
        <v>0.498</v>
      </c>
      <c r="H132" s="94">
        <v>9.1286410493242306E-2</v>
      </c>
      <c r="I132" s="98">
        <v>0</v>
      </c>
      <c r="J132" s="94">
        <v>2.3372982186625143E-2</v>
      </c>
      <c r="K132" s="83">
        <v>115</v>
      </c>
      <c r="L132" s="98">
        <v>0.80500000000000005</v>
      </c>
      <c r="M132" s="94">
        <v>7.4048286753474982E-2</v>
      </c>
      <c r="N132" s="98">
        <v>0.11899999999999999</v>
      </c>
      <c r="O132" s="94">
        <v>6.2020248941435832E-2</v>
      </c>
      <c r="P132" s="98">
        <v>4.4999999999999998E-2</v>
      </c>
      <c r="Q132" s="94">
        <v>4.3640524311225962E-2</v>
      </c>
      <c r="R132" s="98">
        <v>3.1E-2</v>
      </c>
      <c r="S132" s="94">
        <v>3.8709331889490876E-2</v>
      </c>
    </row>
    <row r="133" spans="1:33">
      <c r="A133" s="49" t="s">
        <v>444</v>
      </c>
      <c r="B133" s="135">
        <v>81</v>
      </c>
      <c r="C133" s="136">
        <v>0.34300000000000003</v>
      </c>
      <c r="D133" s="97">
        <v>0.10349568217457569</v>
      </c>
      <c r="E133" s="136">
        <v>0.13700000000000001</v>
      </c>
      <c r="F133" s="97">
        <v>7.8317898623881471E-2</v>
      </c>
      <c r="G133" s="136">
        <v>0.51900000000000002</v>
      </c>
      <c r="H133" s="97">
        <v>0.10839409079274982</v>
      </c>
      <c r="I133" s="136">
        <v>0</v>
      </c>
      <c r="J133" s="97">
        <v>3.2881805121991139E-2</v>
      </c>
      <c r="K133" s="135">
        <v>80</v>
      </c>
      <c r="L133" s="136">
        <v>0.64</v>
      </c>
      <c r="M133" s="97">
        <v>0.10515798142890086</v>
      </c>
      <c r="N133" s="136">
        <v>0.219</v>
      </c>
      <c r="O133" s="97">
        <v>9.2164461013341317E-2</v>
      </c>
      <c r="P133" s="136">
        <v>6.7000000000000004E-2</v>
      </c>
      <c r="Q133" s="97">
        <v>6.1698942691171856E-2</v>
      </c>
      <c r="R133" s="136">
        <v>7.3999999999999996E-2</v>
      </c>
      <c r="S133" s="97">
        <v>6.3768897616369349E-2</v>
      </c>
    </row>
    <row r="134" spans="1:33">
      <c r="A134" s="45" t="s">
        <v>445</v>
      </c>
      <c r="B134" s="133">
        <v>118</v>
      </c>
      <c r="C134" s="134">
        <v>0.41199999999999998</v>
      </c>
      <c r="D134" s="94">
        <v>8.921432632045323E-2</v>
      </c>
      <c r="E134" s="134">
        <v>0.192</v>
      </c>
      <c r="F134" s="94">
        <v>7.2712010705608288E-2</v>
      </c>
      <c r="G134" s="134">
        <v>0.39600000000000002</v>
      </c>
      <c r="H134" s="94">
        <v>8.8684672362925918E-2</v>
      </c>
      <c r="I134" s="134">
        <v>0</v>
      </c>
      <c r="J134" s="94">
        <v>2.2993012239943496E-2</v>
      </c>
      <c r="K134" s="133">
        <v>118</v>
      </c>
      <c r="L134" s="134">
        <v>0.56699999999999995</v>
      </c>
      <c r="M134" s="94">
        <v>8.9772122269450819E-2</v>
      </c>
      <c r="N134" s="134">
        <v>0.126</v>
      </c>
      <c r="O134" s="94">
        <v>6.2501365976058904E-2</v>
      </c>
      <c r="P134" s="134">
        <v>9.4E-2</v>
      </c>
      <c r="Q134" s="94">
        <v>5.6043227652806268E-2</v>
      </c>
      <c r="R134" s="134">
        <v>0.21299999999999999</v>
      </c>
      <c r="S134" s="94">
        <v>7.5301296635442896E-2</v>
      </c>
    </row>
    <row r="135" spans="1:33">
      <c r="A135" s="49" t="s">
        <v>453</v>
      </c>
      <c r="B135" s="135">
        <v>941</v>
      </c>
      <c r="C135" s="136">
        <v>0.32400000000000001</v>
      </c>
      <c r="D135" s="97">
        <v>3.0466265545777211E-2</v>
      </c>
      <c r="E135" s="136">
        <v>0.224</v>
      </c>
      <c r="F135" s="97">
        <v>2.7175113994738927E-2</v>
      </c>
      <c r="G135" s="136">
        <v>0.44700000000000001</v>
      </c>
      <c r="H135" s="97">
        <v>3.2348285174334183E-2</v>
      </c>
      <c r="I135" s="136">
        <v>5.0000000000000001E-3</v>
      </c>
      <c r="J135" s="97">
        <v>5.4607384393606526E-3</v>
      </c>
      <c r="K135" s="135">
        <v>937</v>
      </c>
      <c r="L135" s="136">
        <v>0.53500000000000003</v>
      </c>
      <c r="M135" s="97">
        <v>3.2519781754946672E-2</v>
      </c>
      <c r="N135" s="136">
        <v>0.187</v>
      </c>
      <c r="O135" s="97">
        <v>2.5490897497178148E-2</v>
      </c>
      <c r="P135" s="136">
        <v>0.16</v>
      </c>
      <c r="Q135" s="97">
        <v>2.3989077878161794E-2</v>
      </c>
      <c r="R135" s="136">
        <v>0.11799999999999999</v>
      </c>
      <c r="S135" s="97">
        <v>2.1158171582998809E-2</v>
      </c>
    </row>
    <row r="136" spans="1:33">
      <c r="A136" s="45" t="s">
        <v>446</v>
      </c>
      <c r="B136" s="83">
        <v>104</v>
      </c>
      <c r="C136" s="98">
        <v>0.35299999999999998</v>
      </c>
      <c r="D136" s="94">
        <v>9.2288200901338699E-2</v>
      </c>
      <c r="E136" s="98">
        <v>0.252</v>
      </c>
      <c r="F136" s="94">
        <v>8.4539599361387524E-2</v>
      </c>
      <c r="G136" s="98">
        <v>0.39500000000000002</v>
      </c>
      <c r="H136" s="94">
        <v>9.4237002878258536E-2</v>
      </c>
      <c r="I136" s="98">
        <v>0</v>
      </c>
      <c r="J136" s="94">
        <v>2.5945514841396074E-2</v>
      </c>
      <c r="K136" s="83">
        <v>101</v>
      </c>
      <c r="L136" s="98">
        <v>0.64400000000000002</v>
      </c>
      <c r="M136" s="94">
        <v>9.3770498488508019E-2</v>
      </c>
      <c r="N136" s="98">
        <v>0.17599999999999999</v>
      </c>
      <c r="O136" s="94">
        <v>7.6312596552693637E-2</v>
      </c>
      <c r="P136" s="98">
        <v>5.8000000000000003E-2</v>
      </c>
      <c r="Q136" s="94">
        <v>5.1357701602343847E-2</v>
      </c>
      <c r="R136" s="98">
        <v>0.122</v>
      </c>
      <c r="S136" s="94">
        <v>6.6988283268330562E-2</v>
      </c>
    </row>
    <row r="137" spans="1:33">
      <c r="A137" s="49" t="s">
        <v>447</v>
      </c>
      <c r="B137" s="135">
        <v>193</v>
      </c>
      <c r="C137" s="136">
        <v>0.30399999999999999</v>
      </c>
      <c r="D137" s="97">
        <v>6.5783555662507556E-2</v>
      </c>
      <c r="E137" s="136">
        <v>0.2</v>
      </c>
      <c r="F137" s="97">
        <v>5.7638417380835763E-2</v>
      </c>
      <c r="G137" s="136">
        <v>0.496</v>
      </c>
      <c r="H137" s="97">
        <v>7.124486169375395E-2</v>
      </c>
      <c r="I137" s="136">
        <v>0</v>
      </c>
      <c r="J137" s="97">
        <v>1.4284431472802155E-2</v>
      </c>
      <c r="K137" s="135">
        <v>191</v>
      </c>
      <c r="L137" s="136">
        <v>0.437</v>
      </c>
      <c r="M137" s="97">
        <v>7.1064024684145952E-2</v>
      </c>
      <c r="N137" s="136">
        <v>0.22</v>
      </c>
      <c r="O137" s="97">
        <v>5.9877382645513857E-2</v>
      </c>
      <c r="P137" s="136">
        <v>0.26400000000000001</v>
      </c>
      <c r="Q137" s="97">
        <v>6.349892445256014E-2</v>
      </c>
      <c r="R137" s="136">
        <v>7.9000000000000001E-2</v>
      </c>
      <c r="S137" s="97">
        <v>4.0498394249016405E-2</v>
      </c>
    </row>
    <row r="138" spans="1:33">
      <c r="A138" s="57" t="s">
        <v>448</v>
      </c>
      <c r="B138" s="133">
        <v>234</v>
      </c>
      <c r="C138" s="134">
        <v>0.28999999999999998</v>
      </c>
      <c r="D138" s="94">
        <v>5.9035653120729677E-2</v>
      </c>
      <c r="E138" s="134">
        <v>0.253</v>
      </c>
      <c r="F138" s="94">
        <v>5.6661235652210463E-2</v>
      </c>
      <c r="G138" s="134">
        <v>0.442</v>
      </c>
      <c r="H138" s="94">
        <v>6.4397417012617877E-2</v>
      </c>
      <c r="I138" s="134">
        <v>1.4E-2</v>
      </c>
      <c r="J138" s="94">
        <v>1.9086994129848048E-2</v>
      </c>
      <c r="K138" s="133">
        <v>235</v>
      </c>
      <c r="L138" s="134">
        <v>0.46500000000000002</v>
      </c>
      <c r="M138" s="94">
        <v>6.4531223807338792E-2</v>
      </c>
      <c r="N138" s="134">
        <v>0.21</v>
      </c>
      <c r="O138" s="94">
        <v>5.3134629001989606E-2</v>
      </c>
      <c r="P138" s="134">
        <v>0.17299999999999999</v>
      </c>
      <c r="Q138" s="94">
        <v>4.9536810506841104E-2</v>
      </c>
      <c r="R138" s="134">
        <v>0.152</v>
      </c>
      <c r="S138" s="94">
        <v>4.7164941288179822E-2</v>
      </c>
    </row>
    <row r="139" spans="1:33">
      <c r="A139" s="49" t="s">
        <v>449</v>
      </c>
      <c r="B139" s="135">
        <v>122</v>
      </c>
      <c r="C139" s="136">
        <v>0.41299999999999998</v>
      </c>
      <c r="D139" s="97">
        <v>8.7813645269835094E-2</v>
      </c>
      <c r="E139" s="136">
        <v>0.22800000000000001</v>
      </c>
      <c r="F139" s="97">
        <v>7.5726918526745582E-2</v>
      </c>
      <c r="G139" s="136">
        <v>0.35899999999999999</v>
      </c>
      <c r="H139" s="97">
        <v>8.5701817771299177E-2</v>
      </c>
      <c r="I139" s="136">
        <v>0</v>
      </c>
      <c r="J139" s="97">
        <v>2.226896426705402E-2</v>
      </c>
      <c r="K139" s="135">
        <v>122</v>
      </c>
      <c r="L139" s="136">
        <v>0.623</v>
      </c>
      <c r="M139" s="97">
        <v>8.6523017262962673E-2</v>
      </c>
      <c r="N139" s="136">
        <v>0.182</v>
      </c>
      <c r="O139" s="97">
        <v>7.0191271016195086E-2</v>
      </c>
      <c r="P139" s="136">
        <v>7.1999999999999995E-2</v>
      </c>
      <c r="Q139" s="97">
        <v>4.9844875361658131E-2</v>
      </c>
      <c r="R139" s="136">
        <v>0.123</v>
      </c>
      <c r="S139" s="97">
        <v>6.0880268753191205E-2</v>
      </c>
    </row>
    <row r="140" spans="1:33">
      <c r="A140" s="57" t="s">
        <v>450</v>
      </c>
      <c r="B140" s="133">
        <v>122</v>
      </c>
      <c r="C140" s="134">
        <v>0.28799999999999998</v>
      </c>
      <c r="D140" s="94">
        <v>8.1233407050996145E-2</v>
      </c>
      <c r="E140" s="134">
        <v>0.157</v>
      </c>
      <c r="F140" s="94">
        <v>6.6595726512528791E-2</v>
      </c>
      <c r="G140" s="134">
        <v>0.54700000000000004</v>
      </c>
      <c r="H140" s="94">
        <v>8.8717319530047203E-2</v>
      </c>
      <c r="I140" s="134">
        <v>8.0000000000000002E-3</v>
      </c>
      <c r="J140" s="94">
        <v>2.7057368921829063E-2</v>
      </c>
      <c r="K140" s="133">
        <v>123</v>
      </c>
      <c r="L140" s="134">
        <v>0.66300000000000003</v>
      </c>
      <c r="M140" s="94">
        <v>8.4196672890399851E-2</v>
      </c>
      <c r="N140" s="134">
        <v>0.159</v>
      </c>
      <c r="O140" s="94">
        <v>6.6623501190125389E-2</v>
      </c>
      <c r="P140" s="134">
        <v>7.6999999999999999E-2</v>
      </c>
      <c r="Q140" s="94">
        <v>5.0871033537185278E-2</v>
      </c>
      <c r="R140" s="134">
        <v>0.10100000000000001</v>
      </c>
      <c r="S140" s="94">
        <v>5.630890105745328E-2</v>
      </c>
    </row>
    <row r="141" spans="1:33">
      <c r="A141" s="49" t="s">
        <v>451</v>
      </c>
      <c r="B141" s="135">
        <v>166</v>
      </c>
      <c r="C141" s="136">
        <v>0.375</v>
      </c>
      <c r="D141" s="97">
        <v>7.4376094135084572E-2</v>
      </c>
      <c r="E141" s="136">
        <v>0.25600000000000001</v>
      </c>
      <c r="F141" s="97">
        <v>6.7428870236870497E-2</v>
      </c>
      <c r="G141" s="136">
        <v>0.36899999999999999</v>
      </c>
      <c r="H141" s="97">
        <v>7.4144068910535377E-2</v>
      </c>
      <c r="I141" s="136">
        <v>0</v>
      </c>
      <c r="J141" s="97">
        <v>1.6539647608348407E-2</v>
      </c>
      <c r="K141" s="135">
        <v>165</v>
      </c>
      <c r="L141" s="136">
        <v>0.58399999999999996</v>
      </c>
      <c r="M141" s="97">
        <v>7.5881261812372272E-2</v>
      </c>
      <c r="N141" s="136">
        <v>0.128</v>
      </c>
      <c r="O141" s="97">
        <v>5.2867859959950469E-2</v>
      </c>
      <c r="P141" s="136">
        <v>0.161</v>
      </c>
      <c r="Q141" s="97">
        <v>5.765735722440745E-2</v>
      </c>
      <c r="R141" s="136">
        <v>0.127</v>
      </c>
      <c r="S141" s="97">
        <v>5.2708654954909652E-2</v>
      </c>
      <c r="T141" s="250"/>
      <c r="U141" s="250"/>
      <c r="V141" s="250"/>
      <c r="W141" s="250"/>
      <c r="X141" s="250"/>
      <c r="Y141" s="250"/>
      <c r="Z141" s="250"/>
      <c r="AA141" s="250"/>
      <c r="AB141" s="250"/>
      <c r="AC141" s="250"/>
      <c r="AD141" s="250"/>
      <c r="AE141" s="250"/>
      <c r="AF141" s="250"/>
      <c r="AG141" s="250"/>
    </row>
    <row r="142" spans="1:33">
      <c r="A142" s="57" t="s">
        <v>457</v>
      </c>
      <c r="B142" s="133">
        <v>60</v>
      </c>
      <c r="C142" s="134">
        <v>0.32800000000000001</v>
      </c>
      <c r="D142" s="94">
        <v>0.11832118298829673</v>
      </c>
      <c r="E142" s="134">
        <v>0.30299999999999999</v>
      </c>
      <c r="F142" s="94">
        <v>0.1161600531980955</v>
      </c>
      <c r="G142" s="134">
        <v>0.36899999999999999</v>
      </c>
      <c r="H142" s="94">
        <v>0.12117061572524246</v>
      </c>
      <c r="I142" s="134">
        <v>0</v>
      </c>
      <c r="J142" s="94">
        <v>4.3498159084609543E-2</v>
      </c>
      <c r="K142" s="133">
        <v>61</v>
      </c>
      <c r="L142" s="134">
        <v>0.65800000000000003</v>
      </c>
      <c r="M142" s="94">
        <v>0.11845517271761245</v>
      </c>
      <c r="N142" s="134">
        <v>0.14899999999999999</v>
      </c>
      <c r="O142" s="94">
        <v>9.33135788618141E-2</v>
      </c>
      <c r="P142" s="134">
        <v>0.02</v>
      </c>
      <c r="Q142" s="94">
        <v>5.3828446792701545E-2</v>
      </c>
      <c r="R142" s="134">
        <v>0.17299999999999999</v>
      </c>
      <c r="S142" s="94">
        <v>9.7925106102050546E-2</v>
      </c>
      <c r="T142" s="250"/>
      <c r="U142" s="250"/>
      <c r="V142" s="250"/>
      <c r="W142" s="250"/>
      <c r="X142" s="250"/>
      <c r="Y142" s="250"/>
      <c r="Z142" s="250"/>
      <c r="AA142" s="250"/>
      <c r="AB142" s="250"/>
      <c r="AC142" s="250"/>
      <c r="AD142" s="250"/>
      <c r="AE142" s="250"/>
      <c r="AF142" s="250"/>
      <c r="AG142" s="250"/>
    </row>
    <row r="143" spans="1:33">
      <c r="A143" s="49" t="s">
        <v>460</v>
      </c>
      <c r="B143" s="135">
        <v>56</v>
      </c>
      <c r="C143" s="136">
        <v>0.495</v>
      </c>
      <c r="D143" s="97">
        <v>0.12909382175307543</v>
      </c>
      <c r="E143" s="136">
        <v>0.3</v>
      </c>
      <c r="F143" s="97">
        <v>0.11976520239077669</v>
      </c>
      <c r="G143" s="136">
        <v>0.20499999999999999</v>
      </c>
      <c r="H143" s="97">
        <v>0.10776256479116655</v>
      </c>
      <c r="I143" s="136">
        <v>0</v>
      </c>
      <c r="J143" s="97">
        <v>4.6348119143587135E-2</v>
      </c>
      <c r="K143" s="135">
        <v>55</v>
      </c>
      <c r="L143" s="136">
        <v>0.51500000000000001</v>
      </c>
      <c r="M143" s="97">
        <v>0.13013799046383775</v>
      </c>
      <c r="N143" s="136">
        <v>2.5000000000000001E-2</v>
      </c>
      <c r="O143" s="97">
        <v>6.0467759737076729E-2</v>
      </c>
      <c r="P143" s="136">
        <v>0.14199999999999999</v>
      </c>
      <c r="Q143" s="97">
        <v>9.694488351995395E-2</v>
      </c>
      <c r="R143" s="136">
        <v>0.318</v>
      </c>
      <c r="S143" s="97">
        <v>0.12246483807442532</v>
      </c>
      <c r="T143" s="250"/>
      <c r="U143" s="250"/>
      <c r="V143" s="250"/>
      <c r="W143" s="250"/>
      <c r="X143" s="250"/>
      <c r="Y143" s="250"/>
      <c r="Z143" s="250"/>
      <c r="AA143" s="250"/>
      <c r="AB143" s="250"/>
      <c r="AC143" s="250"/>
      <c r="AD143" s="250"/>
      <c r="AE143" s="250"/>
      <c r="AF143" s="250"/>
      <c r="AG143" s="250"/>
    </row>
    <row r="144" spans="1:33">
      <c r="A144" s="57" t="s">
        <v>458</v>
      </c>
      <c r="B144" s="133">
        <v>82</v>
      </c>
      <c r="C144" s="134">
        <v>0.307</v>
      </c>
      <c r="D144" s="94">
        <v>0.1002637084102166</v>
      </c>
      <c r="E144" s="134">
        <v>0.252</v>
      </c>
      <c r="F144" s="94">
        <v>9.5011443321348726E-2</v>
      </c>
      <c r="G144" s="134">
        <v>0.43099999999999999</v>
      </c>
      <c r="H144" s="94">
        <v>0.10689520712807524</v>
      </c>
      <c r="I144" s="134">
        <v>0.01</v>
      </c>
      <c r="J144" s="94">
        <v>3.8407525801073962E-2</v>
      </c>
      <c r="K144" s="133">
        <v>82</v>
      </c>
      <c r="L144" s="134">
        <v>0.44700000000000001</v>
      </c>
      <c r="M144" s="94">
        <v>0.10728059828651305</v>
      </c>
      <c r="N144" s="134">
        <v>0.17699999999999999</v>
      </c>
      <c r="O144" s="94">
        <v>8.4948773904825359E-2</v>
      </c>
      <c r="P144" s="134">
        <v>0.105</v>
      </c>
      <c r="Q144" s="94">
        <v>7.0924597919630475E-2</v>
      </c>
      <c r="R144" s="134">
        <v>0.27</v>
      </c>
      <c r="S144" s="94">
        <v>9.6907169676098637E-2</v>
      </c>
      <c r="T144" s="250"/>
      <c r="U144" s="250"/>
      <c r="V144" s="250"/>
      <c r="W144" s="250"/>
      <c r="X144" s="250"/>
      <c r="Y144" s="250"/>
      <c r="Z144" s="250"/>
      <c r="AA144" s="250"/>
      <c r="AB144" s="250"/>
      <c r="AC144" s="250"/>
      <c r="AD144" s="250"/>
      <c r="AE144" s="250"/>
      <c r="AF144" s="250"/>
      <c r="AG144" s="250"/>
    </row>
    <row r="147" spans="1:33">
      <c r="R147" s="250"/>
      <c r="S147" s="250"/>
      <c r="T147" s="250"/>
      <c r="U147" s="250"/>
      <c r="V147" s="250"/>
      <c r="W147" s="250"/>
      <c r="X147" s="250"/>
      <c r="Y147" s="250"/>
      <c r="Z147" s="250"/>
      <c r="AA147" s="250"/>
      <c r="AB147" s="250"/>
      <c r="AC147" s="250"/>
      <c r="AD147" s="250"/>
      <c r="AE147" s="250"/>
    </row>
    <row r="148" spans="1:33" ht="18.75">
      <c r="A148" s="322" t="s">
        <v>255</v>
      </c>
      <c r="B148" s="322"/>
      <c r="C148" s="322"/>
      <c r="D148" s="322"/>
      <c r="E148" s="322"/>
      <c r="F148" s="322"/>
      <c r="G148" s="322"/>
      <c r="H148" s="322"/>
      <c r="I148" s="322"/>
      <c r="J148" s="322"/>
      <c r="K148" s="322"/>
      <c r="L148" s="322"/>
      <c r="M148" s="322"/>
      <c r="N148" s="322"/>
      <c r="O148" s="322"/>
      <c r="P148" s="322"/>
      <c r="Q148" s="322"/>
      <c r="R148" s="322"/>
      <c r="S148" s="322"/>
      <c r="T148" s="322"/>
      <c r="U148" s="322"/>
      <c r="V148" s="322"/>
      <c r="W148" s="322"/>
      <c r="X148" s="228"/>
      <c r="Y148" s="228"/>
      <c r="Z148" s="228"/>
      <c r="AA148" s="228"/>
      <c r="AB148" s="228"/>
      <c r="AC148" s="228"/>
      <c r="AD148" s="250"/>
      <c r="AE148" s="250"/>
    </row>
    <row r="149" spans="1:33" ht="57.75" customHeight="1">
      <c r="A149" s="358" t="s">
        <v>485</v>
      </c>
      <c r="B149" s="358"/>
      <c r="C149" s="358"/>
      <c r="D149" s="358"/>
      <c r="E149" s="358"/>
      <c r="F149" s="358"/>
      <c r="G149" s="358"/>
      <c r="H149" s="358"/>
      <c r="I149" s="358"/>
      <c r="J149" s="358"/>
      <c r="K149" s="358"/>
      <c r="L149" s="358"/>
      <c r="M149" s="358"/>
      <c r="N149" s="358"/>
      <c r="O149" s="358"/>
      <c r="P149" s="358"/>
      <c r="Q149" s="358"/>
      <c r="R149" s="358"/>
      <c r="S149" s="358"/>
      <c r="T149" s="358"/>
      <c r="U149" s="358"/>
      <c r="V149" s="358"/>
      <c r="W149" s="358"/>
      <c r="X149" s="231"/>
      <c r="Y149" s="231"/>
      <c r="Z149" s="231"/>
      <c r="AA149" s="231"/>
      <c r="AB149" s="231"/>
      <c r="AC149" s="231"/>
      <c r="AD149" s="250"/>
      <c r="AE149" s="250"/>
    </row>
    <row r="150" spans="1:33" ht="41.25" customHeight="1">
      <c r="A150" s="64"/>
      <c r="B150" s="353" t="s">
        <v>256</v>
      </c>
      <c r="C150" s="354"/>
      <c r="D150" s="354"/>
      <c r="E150" s="354"/>
      <c r="F150" s="354"/>
      <c r="G150" s="354"/>
      <c r="H150" s="354"/>
      <c r="I150" s="354"/>
      <c r="J150" s="354"/>
      <c r="K150" s="354"/>
      <c r="L150" s="355"/>
      <c r="M150" s="356" t="s">
        <v>391</v>
      </c>
      <c r="N150" s="357"/>
      <c r="O150" s="357"/>
      <c r="P150" s="357"/>
      <c r="Q150" s="357"/>
      <c r="R150" s="357"/>
      <c r="S150" s="357"/>
      <c r="T150" s="357"/>
      <c r="U150" s="357"/>
      <c r="V150" s="357"/>
      <c r="W150" s="357"/>
      <c r="X150" s="250"/>
      <c r="Y150" s="250"/>
      <c r="Z150" s="250"/>
      <c r="AA150" s="250"/>
      <c r="AB150" s="250"/>
      <c r="AC150" s="250"/>
      <c r="AD150" s="250"/>
      <c r="AE150" s="250"/>
      <c r="AF150" s="250"/>
      <c r="AG150" s="250"/>
    </row>
    <row r="151" spans="1:33" ht="40.5" customHeight="1">
      <c r="A151" s="37" t="s">
        <v>85</v>
      </c>
      <c r="B151" s="38" t="s">
        <v>86</v>
      </c>
      <c r="C151" s="39" t="s">
        <v>87</v>
      </c>
      <c r="D151" s="40" t="s">
        <v>88</v>
      </c>
      <c r="E151" s="38" t="s">
        <v>257</v>
      </c>
      <c r="F151" s="89" t="s">
        <v>318</v>
      </c>
      <c r="G151" s="38" t="s">
        <v>258</v>
      </c>
      <c r="H151" s="89" t="s">
        <v>319</v>
      </c>
      <c r="I151" s="38" t="s">
        <v>259</v>
      </c>
      <c r="J151" s="89" t="s">
        <v>320</v>
      </c>
      <c r="K151" s="38" t="s">
        <v>357</v>
      </c>
      <c r="L151" s="89" t="s">
        <v>321</v>
      </c>
      <c r="M151" s="65" t="s">
        <v>86</v>
      </c>
      <c r="N151" s="66" t="s">
        <v>87</v>
      </c>
      <c r="O151" s="67" t="s">
        <v>88</v>
      </c>
      <c r="P151" s="65" t="s">
        <v>427</v>
      </c>
      <c r="Q151" s="88" t="s">
        <v>428</v>
      </c>
      <c r="R151" s="65" t="s">
        <v>423</v>
      </c>
      <c r="S151" s="88" t="s">
        <v>425</v>
      </c>
      <c r="T151" s="65" t="s">
        <v>429</v>
      </c>
      <c r="U151" s="88" t="s">
        <v>430</v>
      </c>
      <c r="V151" s="65" t="s">
        <v>357</v>
      </c>
      <c r="W151" s="88" t="s">
        <v>371</v>
      </c>
    </row>
    <row r="152" spans="1:33" ht="55.5" customHeight="1">
      <c r="A152" s="41"/>
      <c r="B152" s="42" t="s">
        <v>89</v>
      </c>
      <c r="C152" s="43" t="s">
        <v>360</v>
      </c>
      <c r="D152" s="44" t="s">
        <v>91</v>
      </c>
      <c r="E152" s="42" t="s">
        <v>181</v>
      </c>
      <c r="F152" s="91" t="s">
        <v>104</v>
      </c>
      <c r="G152" s="42" t="s">
        <v>182</v>
      </c>
      <c r="H152" s="91" t="s">
        <v>104</v>
      </c>
      <c r="I152" s="42" t="s">
        <v>183</v>
      </c>
      <c r="J152" s="91" t="s">
        <v>104</v>
      </c>
      <c r="K152" s="42" t="s">
        <v>357</v>
      </c>
      <c r="L152" s="91" t="s">
        <v>104</v>
      </c>
      <c r="M152" s="68" t="s">
        <v>89</v>
      </c>
      <c r="N152" s="69" t="s">
        <v>359</v>
      </c>
      <c r="O152" s="70" t="s">
        <v>91</v>
      </c>
      <c r="P152" s="68" t="s">
        <v>422</v>
      </c>
      <c r="Q152" s="90" t="s">
        <v>104</v>
      </c>
      <c r="R152" s="68" t="s">
        <v>424</v>
      </c>
      <c r="S152" s="90" t="s">
        <v>104</v>
      </c>
      <c r="T152" s="68" t="s">
        <v>181</v>
      </c>
      <c r="U152" s="90" t="s">
        <v>104</v>
      </c>
      <c r="V152" s="68" t="s">
        <v>357</v>
      </c>
      <c r="W152" s="90" t="s">
        <v>104</v>
      </c>
    </row>
    <row r="153" spans="1:33">
      <c r="A153" s="45" t="s">
        <v>436</v>
      </c>
      <c r="B153" s="133">
        <v>10986</v>
      </c>
      <c r="C153" s="84">
        <v>3.84</v>
      </c>
      <c r="D153" s="85">
        <v>3.9199999999999999E-2</v>
      </c>
      <c r="E153" s="134">
        <v>0.372</v>
      </c>
      <c r="F153" s="94">
        <v>9.2213291604924599E-3</v>
      </c>
      <c r="G153" s="134">
        <v>0.20100000000000001</v>
      </c>
      <c r="H153" s="94">
        <v>7.6469900762182247E-3</v>
      </c>
      <c r="I153" s="134">
        <v>0.33300000000000002</v>
      </c>
      <c r="J153" s="94">
        <v>8.9915802829965766E-3</v>
      </c>
      <c r="K153" s="134">
        <v>9.5000000000000001E-2</v>
      </c>
      <c r="L153" s="94">
        <v>5.5978150464278675E-3</v>
      </c>
      <c r="M153" s="133">
        <v>11034</v>
      </c>
      <c r="N153" s="84">
        <v>4.9800000000000004</v>
      </c>
      <c r="O153" s="85">
        <v>3.9199999999999999E-2</v>
      </c>
      <c r="P153" s="134">
        <v>0.38100000000000001</v>
      </c>
      <c r="Q153" s="94">
        <v>9.244896666070538E-3</v>
      </c>
      <c r="R153" s="134">
        <v>0.36</v>
      </c>
      <c r="S153" s="94">
        <v>9.1377531917335442E-3</v>
      </c>
      <c r="T153" s="134">
        <v>0.16499999999999998</v>
      </c>
      <c r="U153" s="94">
        <v>7.0680261106335265E-3</v>
      </c>
      <c r="V153" s="134">
        <v>9.4E-2</v>
      </c>
      <c r="W153" s="94">
        <v>5.5592623804324786E-3</v>
      </c>
    </row>
    <row r="154" spans="1:33">
      <c r="A154" s="49" t="s">
        <v>437</v>
      </c>
      <c r="B154" s="135">
        <v>8843</v>
      </c>
      <c r="C154" s="120">
        <v>3.5580334017750359</v>
      </c>
      <c r="D154" s="121">
        <v>3.5205747215694458E-2</v>
      </c>
      <c r="E154" s="136">
        <v>0.44755025397974407</v>
      </c>
      <c r="F154" s="97">
        <v>1.0573078565918758E-2</v>
      </c>
      <c r="G154" s="136">
        <v>0.19560055590521888</v>
      </c>
      <c r="H154" s="97">
        <v>8.4366199320657278E-3</v>
      </c>
      <c r="I154" s="136">
        <v>0.26601356653352071</v>
      </c>
      <c r="J154" s="97">
        <v>9.3968638004405108E-3</v>
      </c>
      <c r="K154" s="136">
        <v>9.0835623581516298E-2</v>
      </c>
      <c r="L154" s="97">
        <v>6.1161607456334324E-3</v>
      </c>
      <c r="M154" s="135">
        <v>8886</v>
      </c>
      <c r="N154" s="120">
        <v>5.1718082437059056</v>
      </c>
      <c r="O154" s="121">
        <v>3.4378517326994228E-2</v>
      </c>
      <c r="P154" s="136">
        <v>0.43629160755960167</v>
      </c>
      <c r="Q154" s="97">
        <v>1.0519570755543177E-2</v>
      </c>
      <c r="R154" s="136">
        <v>0.34573865969498879</v>
      </c>
      <c r="S154" s="97">
        <v>1.0089026621869638E-2</v>
      </c>
      <c r="T154" s="136">
        <v>0.13416039792602819</v>
      </c>
      <c r="U154" s="97">
        <v>7.233275132119691E-3</v>
      </c>
      <c r="V154" s="136">
        <v>8.3809334819381284E-2</v>
      </c>
      <c r="W154" s="97">
        <v>5.8838081707965027E-3</v>
      </c>
    </row>
    <row r="155" spans="1:33">
      <c r="A155" s="45" t="s">
        <v>438</v>
      </c>
      <c r="B155" s="83">
        <v>1980</v>
      </c>
      <c r="C155" s="84">
        <v>4.33</v>
      </c>
      <c r="D155" s="85">
        <v>7.8399999999999997E-2</v>
      </c>
      <c r="E155" s="134">
        <v>0.24279999999999999</v>
      </c>
      <c r="F155" s="94">
        <v>1.9266521627966812E-2</v>
      </c>
      <c r="G155" s="134">
        <v>0.20399999999999999</v>
      </c>
      <c r="H155" s="94">
        <v>1.8113493799576698E-2</v>
      </c>
      <c r="I155" s="134">
        <v>0.43930000000000002</v>
      </c>
      <c r="J155" s="94">
        <v>2.2285281552332042E-2</v>
      </c>
      <c r="K155" s="134">
        <v>0.1139</v>
      </c>
      <c r="L155" s="94">
        <v>1.430706497763082E-2</v>
      </c>
      <c r="M155" s="83">
        <v>1986</v>
      </c>
      <c r="N155" s="84">
        <v>4.63</v>
      </c>
      <c r="O155" s="85">
        <v>7.8399999999999997E-2</v>
      </c>
      <c r="P155" s="134">
        <v>0.2752</v>
      </c>
      <c r="Q155" s="94">
        <v>2.0033535289778068E-2</v>
      </c>
      <c r="R155" s="134">
        <v>0.39749999999999996</v>
      </c>
      <c r="S155" s="94">
        <v>2.1942636210911051E-2</v>
      </c>
      <c r="T155" s="134">
        <v>0.20550000000000002</v>
      </c>
      <c r="U155" s="94">
        <v>1.8135063563790521E-2</v>
      </c>
      <c r="V155" s="134">
        <v>0.12189999999999999</v>
      </c>
      <c r="W155" s="94">
        <v>1.4707501548837085E-2</v>
      </c>
    </row>
    <row r="156" spans="1:33">
      <c r="A156" s="49" t="s">
        <v>439</v>
      </c>
      <c r="B156" s="135">
        <v>3915</v>
      </c>
      <c r="C156" s="120">
        <v>3.77</v>
      </c>
      <c r="D156" s="121">
        <v>5.8799999999999998E-2</v>
      </c>
      <c r="E156" s="136">
        <v>0.38100000000000001</v>
      </c>
      <c r="F156" s="97">
        <v>1.5515893048682176E-2</v>
      </c>
      <c r="G156" s="136">
        <v>0.20100000000000001</v>
      </c>
      <c r="H156" s="97">
        <v>1.2810328683965038E-2</v>
      </c>
      <c r="I156" s="136">
        <v>0.30599999999999999</v>
      </c>
      <c r="J156" s="97">
        <v>1.4725203870997986E-2</v>
      </c>
      <c r="K156" s="136">
        <v>0.112</v>
      </c>
      <c r="L156" s="97">
        <v>1.009084301486138E-2</v>
      </c>
      <c r="M156" s="135">
        <v>3935</v>
      </c>
      <c r="N156" s="120">
        <v>5.04</v>
      </c>
      <c r="O156" s="121">
        <v>5.8799999999999998E-2</v>
      </c>
      <c r="P156" s="136">
        <v>0.38600000000000001</v>
      </c>
      <c r="Q156" s="97">
        <v>1.5514543901446402E-2</v>
      </c>
      <c r="R156" s="136">
        <v>0.35499999999999998</v>
      </c>
      <c r="S156" s="97">
        <v>1.5250058519757064E-2</v>
      </c>
      <c r="T156" s="136">
        <v>0.15</v>
      </c>
      <c r="U156" s="97">
        <v>1.138977631944315E-2</v>
      </c>
      <c r="V156" s="136">
        <v>0.109</v>
      </c>
      <c r="W156" s="97">
        <v>9.9467656128322014E-3</v>
      </c>
    </row>
    <row r="157" spans="1:33">
      <c r="A157" s="45" t="s">
        <v>440</v>
      </c>
      <c r="B157" s="83">
        <v>3279</v>
      </c>
      <c r="C157" s="84">
        <v>3.54</v>
      </c>
      <c r="D157" s="85">
        <v>5.8799999999999998E-2</v>
      </c>
      <c r="E157" s="134">
        <v>0.436</v>
      </c>
      <c r="F157" s="94">
        <v>1.730956521302501E-2</v>
      </c>
      <c r="G157" s="134">
        <v>0.19900000000000001</v>
      </c>
      <c r="H157" s="94">
        <v>1.3945616561803984E-2</v>
      </c>
      <c r="I157" s="134">
        <v>0.254</v>
      </c>
      <c r="J157" s="94">
        <v>1.5200212227696276E-2</v>
      </c>
      <c r="K157" s="134">
        <v>0.11</v>
      </c>
      <c r="L157" s="94">
        <v>1.0942232543060952E-2</v>
      </c>
      <c r="M157" s="83">
        <v>3296</v>
      </c>
      <c r="N157" s="84">
        <v>5.22</v>
      </c>
      <c r="O157" s="85">
        <v>5.8799999999999998E-2</v>
      </c>
      <c r="P157" s="134">
        <v>0.433</v>
      </c>
      <c r="Q157" s="94">
        <v>1.7251152823272994E-2</v>
      </c>
      <c r="R157" s="134">
        <v>0.35099999999999998</v>
      </c>
      <c r="S157" s="94">
        <v>1.6618820582719459E-2</v>
      </c>
      <c r="T157" s="134">
        <v>0.12</v>
      </c>
      <c r="U157" s="94">
        <v>1.1332433927669331E-2</v>
      </c>
      <c r="V157" s="134">
        <v>9.5000000000000001E-2</v>
      </c>
      <c r="W157" s="94">
        <v>1.0231999441555938E-2</v>
      </c>
    </row>
    <row r="158" spans="1:33">
      <c r="A158" s="49" t="s">
        <v>452</v>
      </c>
      <c r="B158" s="135">
        <v>574</v>
      </c>
      <c r="C158" s="120">
        <v>3.15</v>
      </c>
      <c r="D158" s="121">
        <v>0.13720000000000002</v>
      </c>
      <c r="E158" s="136">
        <v>0.52600000000000002</v>
      </c>
      <c r="F158" s="97">
        <v>4.1539019387436753E-2</v>
      </c>
      <c r="G158" s="136">
        <v>0.18099999999999999</v>
      </c>
      <c r="H158" s="97">
        <v>3.218056573517019E-2</v>
      </c>
      <c r="I158" s="136">
        <v>0.17799999999999999</v>
      </c>
      <c r="J158" s="97">
        <v>3.197599737941445E-2</v>
      </c>
      <c r="K158" s="136">
        <v>0.115</v>
      </c>
      <c r="L158" s="97">
        <v>2.6804360834066943E-2</v>
      </c>
      <c r="M158" s="135">
        <v>580</v>
      </c>
      <c r="N158" s="120">
        <v>5.65</v>
      </c>
      <c r="O158" s="121">
        <v>0.13720000000000002</v>
      </c>
      <c r="P158" s="136">
        <v>0.56699999999999995</v>
      </c>
      <c r="Q158" s="97">
        <v>4.1012216903341545E-2</v>
      </c>
      <c r="R158" s="136">
        <v>0.26500000000000001</v>
      </c>
      <c r="S158" s="97">
        <v>3.6595616556919133E-2</v>
      </c>
      <c r="T158" s="136">
        <v>6.8000000000000005E-2</v>
      </c>
      <c r="U158" s="97">
        <v>2.1249292983750827E-2</v>
      </c>
      <c r="V158" s="136">
        <v>0.1</v>
      </c>
      <c r="W158" s="97">
        <v>2.5127656913047271E-2</v>
      </c>
    </row>
    <row r="159" spans="1:33">
      <c r="A159" s="45" t="s">
        <v>441</v>
      </c>
      <c r="B159" s="83">
        <v>147</v>
      </c>
      <c r="C159" s="84">
        <v>3.52</v>
      </c>
      <c r="D159" s="85">
        <v>0.29399999999999998</v>
      </c>
      <c r="E159" s="134">
        <v>0.41299999999999998</v>
      </c>
      <c r="F159" s="94">
        <v>8.0202838098867746E-2</v>
      </c>
      <c r="G159" s="134">
        <v>0.185</v>
      </c>
      <c r="H159" s="94">
        <v>6.427637451652507E-2</v>
      </c>
      <c r="I159" s="134">
        <v>0.193</v>
      </c>
      <c r="J159" s="94">
        <v>6.524090614459227E-2</v>
      </c>
      <c r="K159" s="134">
        <v>0.20899999999999999</v>
      </c>
      <c r="L159" s="94">
        <v>6.7056561662253378E-2</v>
      </c>
      <c r="M159" s="83">
        <v>148</v>
      </c>
      <c r="N159" s="84">
        <v>5.0999999999999996</v>
      </c>
      <c r="O159" s="85">
        <v>0.27440000000000003</v>
      </c>
      <c r="P159" s="134">
        <v>0.35899999999999999</v>
      </c>
      <c r="Q159" s="94">
        <v>7.7993184657634038E-2</v>
      </c>
      <c r="R159" s="134">
        <v>0.31</v>
      </c>
      <c r="S159" s="94">
        <v>7.5354425707347877E-2</v>
      </c>
      <c r="T159" s="134">
        <v>0.11</v>
      </c>
      <c r="U159" s="94">
        <v>5.276560152118704E-2</v>
      </c>
      <c r="V159" s="134">
        <v>0.221</v>
      </c>
      <c r="W159" s="94">
        <v>6.8094745957600719E-2</v>
      </c>
    </row>
    <row r="160" spans="1:33">
      <c r="A160" s="49" t="s">
        <v>442</v>
      </c>
      <c r="B160" s="135">
        <v>107</v>
      </c>
      <c r="C160" s="120">
        <v>2.91</v>
      </c>
      <c r="D160" s="121">
        <v>0.3332</v>
      </c>
      <c r="E160" s="136">
        <v>0.57499999999999996</v>
      </c>
      <c r="F160" s="97">
        <v>9.3918327717264161E-2</v>
      </c>
      <c r="G160" s="136">
        <v>0.106</v>
      </c>
      <c r="H160" s="97">
        <v>6.1731937606496909E-2</v>
      </c>
      <c r="I160" s="136">
        <v>0.17599999999999999</v>
      </c>
      <c r="J160" s="97">
        <v>7.4120310388481492E-2</v>
      </c>
      <c r="K160" s="136">
        <v>0.14199999999999999</v>
      </c>
      <c r="L160" s="97">
        <v>6.8683006487892342E-2</v>
      </c>
      <c r="M160" s="135">
        <v>109</v>
      </c>
      <c r="N160" s="120">
        <v>5.93</v>
      </c>
      <c r="O160" s="121">
        <v>0.3332</v>
      </c>
      <c r="P160" s="136">
        <v>0.67800000000000005</v>
      </c>
      <c r="Q160" s="97">
        <v>8.8351553194980031E-2</v>
      </c>
      <c r="R160" s="136">
        <v>0.159</v>
      </c>
      <c r="S160" s="97">
        <v>7.0849604906101732E-2</v>
      </c>
      <c r="T160" s="136">
        <v>6.3E-2</v>
      </c>
      <c r="U160" s="97">
        <v>5.0593517518639636E-2</v>
      </c>
      <c r="V160" s="136">
        <v>9.9000000000000005E-2</v>
      </c>
      <c r="W160" s="97">
        <v>5.9609838340199187E-2</v>
      </c>
    </row>
    <row r="161" spans="1:23">
      <c r="A161" s="45" t="s">
        <v>443</v>
      </c>
      <c r="B161" s="83">
        <v>119</v>
      </c>
      <c r="C161" s="84">
        <v>2.75</v>
      </c>
      <c r="D161" s="85">
        <v>0.25480000000000003</v>
      </c>
      <c r="E161" s="134">
        <v>0.65</v>
      </c>
      <c r="F161" s="94">
        <v>8.6285519472893257E-2</v>
      </c>
      <c r="G161" s="134">
        <v>0.21199999999999999</v>
      </c>
      <c r="H161" s="94">
        <v>7.486855961797563E-2</v>
      </c>
      <c r="I161" s="134">
        <v>8.2000000000000003E-2</v>
      </c>
      <c r="J161" s="94">
        <v>5.3024117681781897E-2</v>
      </c>
      <c r="K161" s="134">
        <v>5.7000000000000002E-2</v>
      </c>
      <c r="L161" s="94">
        <v>4.643646424018609E-2</v>
      </c>
      <c r="M161" s="83">
        <v>122</v>
      </c>
      <c r="N161" s="84">
        <v>6.05</v>
      </c>
      <c r="O161" s="85">
        <v>0.25480000000000003</v>
      </c>
      <c r="P161" s="134">
        <v>0.748</v>
      </c>
      <c r="Q161" s="94">
        <v>7.8140904779840092E-2</v>
      </c>
      <c r="R161" s="134">
        <v>0.189</v>
      </c>
      <c r="S161" s="94">
        <v>7.11186219960835E-2</v>
      </c>
      <c r="T161" s="134">
        <v>4.9999999999999996E-2</v>
      </c>
      <c r="U161" s="94">
        <v>4.3699210419109909E-2</v>
      </c>
      <c r="V161" s="134">
        <v>1.2999999999999999E-2</v>
      </c>
      <c r="W161" s="94">
        <v>2.9627490339572158E-2</v>
      </c>
    </row>
    <row r="162" spans="1:23">
      <c r="A162" s="49" t="s">
        <v>444</v>
      </c>
      <c r="B162" s="135">
        <v>82</v>
      </c>
      <c r="C162" s="120">
        <v>3.46</v>
      </c>
      <c r="D162" s="121">
        <v>0.3528</v>
      </c>
      <c r="E162" s="136">
        <v>0.46800000000000003</v>
      </c>
      <c r="F162" s="97">
        <v>0.1076318100646325</v>
      </c>
      <c r="G162" s="136">
        <v>0.251</v>
      </c>
      <c r="H162" s="97">
        <v>9.490078201101447E-2</v>
      </c>
      <c r="I162" s="136">
        <v>0.23499999999999999</v>
      </c>
      <c r="J162" s="97">
        <v>9.3050533453302983E-2</v>
      </c>
      <c r="K162" s="136">
        <v>4.5999999999999999E-2</v>
      </c>
      <c r="L162" s="97">
        <v>5.3964537948371562E-2</v>
      </c>
      <c r="M162" s="135">
        <v>82</v>
      </c>
      <c r="N162" s="120">
        <v>5.16</v>
      </c>
      <c r="O162" s="121">
        <v>0.37240000000000001</v>
      </c>
      <c r="P162" s="136">
        <v>0.45400000000000001</v>
      </c>
      <c r="Q162" s="97">
        <v>0.10741708746312062</v>
      </c>
      <c r="R162" s="136">
        <v>0.41200000000000003</v>
      </c>
      <c r="S162" s="97">
        <v>0.10630356253271356</v>
      </c>
      <c r="T162" s="136">
        <v>8.4000000000000005E-2</v>
      </c>
      <c r="U162" s="97">
        <v>6.5651601605284174E-2</v>
      </c>
      <c r="V162" s="136">
        <v>0.05</v>
      </c>
      <c r="W162" s="97">
        <v>5.536312880465926E-2</v>
      </c>
    </row>
    <row r="163" spans="1:23">
      <c r="A163" s="45" t="s">
        <v>445</v>
      </c>
      <c r="B163" s="133">
        <v>123</v>
      </c>
      <c r="C163" s="117">
        <v>3.36</v>
      </c>
      <c r="D163" s="118">
        <v>0.31359999999999999</v>
      </c>
      <c r="E163" s="134">
        <v>0.46899999999999997</v>
      </c>
      <c r="F163" s="94">
        <v>8.8575530671142266E-2</v>
      </c>
      <c r="G163" s="134">
        <v>0.17499999999999999</v>
      </c>
      <c r="H163" s="94">
        <v>6.8945662296683918E-2</v>
      </c>
      <c r="I163" s="134">
        <v>0.255</v>
      </c>
      <c r="J163" s="94">
        <v>7.8106843327497844E-2</v>
      </c>
      <c r="K163" s="134">
        <v>0.10100000000000001</v>
      </c>
      <c r="L163" s="94">
        <v>5.630890105745328E-2</v>
      </c>
      <c r="M163" s="133">
        <v>123</v>
      </c>
      <c r="N163" s="117">
        <v>5.61</v>
      </c>
      <c r="O163" s="118">
        <v>0.31359999999999999</v>
      </c>
      <c r="P163" s="134">
        <v>0.53300000000000003</v>
      </c>
      <c r="Q163" s="94">
        <v>8.8554181667876555E-2</v>
      </c>
      <c r="R163" s="134">
        <v>0.315</v>
      </c>
      <c r="S163" s="94">
        <v>8.2842598925061101E-2</v>
      </c>
      <c r="T163" s="134">
        <v>3.3000000000000002E-2</v>
      </c>
      <c r="U163" s="94">
        <v>3.7827850858458328E-2</v>
      </c>
      <c r="V163" s="134">
        <v>0.11899999999999999</v>
      </c>
      <c r="W163" s="94">
        <v>5.9878880374975532E-2</v>
      </c>
    </row>
    <row r="164" spans="1:23">
      <c r="A164" s="49" t="s">
        <v>453</v>
      </c>
      <c r="B164" s="135">
        <v>952</v>
      </c>
      <c r="C164" s="120">
        <v>3.74</v>
      </c>
      <c r="D164" s="121">
        <v>9.8000000000000004E-2</v>
      </c>
      <c r="E164" s="136">
        <v>0.39100000000000001</v>
      </c>
      <c r="F164" s="97">
        <v>3.1571014101047651E-2</v>
      </c>
      <c r="G164" s="136">
        <v>0.20200000000000001</v>
      </c>
      <c r="H164" s="97">
        <v>2.6030041788123164E-2</v>
      </c>
      <c r="I164" s="136">
        <v>0.308</v>
      </c>
      <c r="J164" s="97">
        <v>2.9884284502128645E-2</v>
      </c>
      <c r="K164" s="136">
        <v>9.9000000000000005E-2</v>
      </c>
      <c r="L164" s="97">
        <v>1.9463709387774697E-2</v>
      </c>
      <c r="M164" s="135">
        <v>958</v>
      </c>
      <c r="N164" s="120">
        <v>5.1100000000000003</v>
      </c>
      <c r="O164" s="121">
        <v>9.8000000000000004E-2</v>
      </c>
      <c r="P164" s="136">
        <v>0.40100000000000002</v>
      </c>
      <c r="Q164" s="97">
        <v>3.160833173590382E-2</v>
      </c>
      <c r="R164" s="136">
        <v>0.38400000000000001</v>
      </c>
      <c r="S164" s="97">
        <v>3.1369017354061293E-2</v>
      </c>
      <c r="T164" s="136">
        <v>0.127</v>
      </c>
      <c r="U164" s="97">
        <v>2.1582466946590818E-2</v>
      </c>
      <c r="V164" s="136">
        <v>8.8999999999999996E-2</v>
      </c>
      <c r="W164" s="97">
        <v>1.851906114352193E-2</v>
      </c>
    </row>
    <row r="165" spans="1:23">
      <c r="A165" s="45" t="s">
        <v>446</v>
      </c>
      <c r="B165" s="83">
        <v>104</v>
      </c>
      <c r="C165" s="84">
        <v>2.94</v>
      </c>
      <c r="D165" s="85">
        <v>0.27440000000000003</v>
      </c>
      <c r="E165" s="134">
        <v>0.57499999999999996</v>
      </c>
      <c r="F165" s="94">
        <v>9.5215924325107462E-2</v>
      </c>
      <c r="G165" s="134">
        <v>0.16600000000000001</v>
      </c>
      <c r="H165" s="94">
        <v>7.3674554968382114E-2</v>
      </c>
      <c r="I165" s="134">
        <v>0.11799999999999999</v>
      </c>
      <c r="J165" s="94">
        <v>6.5173561752066997E-2</v>
      </c>
      <c r="K165" s="134">
        <v>0.14099999999999999</v>
      </c>
      <c r="L165" s="94">
        <v>6.9519235080164526E-2</v>
      </c>
      <c r="M165" s="83">
        <v>104</v>
      </c>
      <c r="N165" s="84">
        <v>5.69</v>
      </c>
      <c r="O165" s="85">
        <v>0.27440000000000003</v>
      </c>
      <c r="P165" s="134">
        <v>0.57599999999999996</v>
      </c>
      <c r="Q165" s="94">
        <v>9.518868760002519E-2</v>
      </c>
      <c r="R165" s="134">
        <v>0.246</v>
      </c>
      <c r="S165" s="94">
        <v>8.39255542350512E-2</v>
      </c>
      <c r="T165" s="134">
        <v>0.09</v>
      </c>
      <c r="U165" s="94">
        <v>5.9042126204670822E-2</v>
      </c>
      <c r="V165" s="134">
        <v>8.6999999999999994E-2</v>
      </c>
      <c r="W165" s="94">
        <v>5.8319606023016619E-2</v>
      </c>
    </row>
    <row r="166" spans="1:23">
      <c r="A166" s="49" t="s">
        <v>447</v>
      </c>
      <c r="B166" s="135">
        <v>196</v>
      </c>
      <c r="C166" s="120">
        <v>3.9</v>
      </c>
      <c r="D166" s="121">
        <v>0.21559999999999999</v>
      </c>
      <c r="E166" s="136">
        <v>0.39400000000000002</v>
      </c>
      <c r="F166" s="97">
        <v>6.9167759194584288E-2</v>
      </c>
      <c r="G166" s="136">
        <v>0.13300000000000001</v>
      </c>
      <c r="H166" s="97">
        <v>4.9121214235806517E-2</v>
      </c>
      <c r="I166" s="136">
        <v>0.40799999999999997</v>
      </c>
      <c r="J166" s="97">
        <v>6.9551588680633311E-2</v>
      </c>
      <c r="K166" s="136">
        <v>6.5000000000000002E-2</v>
      </c>
      <c r="L166" s="97">
        <v>3.695086196558884E-2</v>
      </c>
      <c r="M166" s="135">
        <v>197</v>
      </c>
      <c r="N166" s="120">
        <v>5.22</v>
      </c>
      <c r="O166" s="121">
        <v>0.21559999999999999</v>
      </c>
      <c r="P166" s="136">
        <v>0.443</v>
      </c>
      <c r="Q166" s="97">
        <v>7.0092905898910082E-2</v>
      </c>
      <c r="R166" s="136">
        <v>0.376</v>
      </c>
      <c r="S166" s="97">
        <v>6.8419236005873629E-2</v>
      </c>
      <c r="T166" s="136">
        <v>0.11899999999999999</v>
      </c>
      <c r="U166" s="97">
        <v>4.6906080429198124E-2</v>
      </c>
      <c r="V166" s="136">
        <v>6.3E-2</v>
      </c>
      <c r="W166" s="97">
        <v>3.6393681263323138E-2</v>
      </c>
    </row>
    <row r="167" spans="1:23">
      <c r="A167" s="57" t="s">
        <v>448</v>
      </c>
      <c r="B167" s="133">
        <v>241</v>
      </c>
      <c r="C167" s="117">
        <v>4.25</v>
      </c>
      <c r="D167" s="118">
        <v>0.19600000000000001</v>
      </c>
      <c r="E167" s="134">
        <v>0.20399999999999999</v>
      </c>
      <c r="F167" s="94">
        <v>5.1937415411421141E-2</v>
      </c>
      <c r="G167" s="134">
        <v>0.27</v>
      </c>
      <c r="H167" s="94">
        <v>5.6973068631994327E-2</v>
      </c>
      <c r="I167" s="134">
        <v>0.41699999999999998</v>
      </c>
      <c r="J167" s="94">
        <v>6.303016584400041E-2</v>
      </c>
      <c r="K167" s="134">
        <v>0.109</v>
      </c>
      <c r="L167" s="94">
        <v>4.0822219113174629E-2</v>
      </c>
      <c r="M167" s="133">
        <v>241</v>
      </c>
      <c r="N167" s="117">
        <v>4.68</v>
      </c>
      <c r="O167" s="118">
        <v>0.19600000000000001</v>
      </c>
      <c r="P167" s="134">
        <v>0.26600000000000001</v>
      </c>
      <c r="Q167" s="94">
        <v>5.6715164513072562E-2</v>
      </c>
      <c r="R167" s="134">
        <v>0.46899999999999997</v>
      </c>
      <c r="S167" s="94">
        <v>6.3768730540968016E-2</v>
      </c>
      <c r="T167" s="134">
        <v>0.17300000000000001</v>
      </c>
      <c r="U167" s="94">
        <v>4.8912092183747681E-2</v>
      </c>
      <c r="V167" s="134">
        <v>9.1999999999999998E-2</v>
      </c>
      <c r="W167" s="94">
        <v>3.8103444007814478E-2</v>
      </c>
    </row>
    <row r="168" spans="1:23">
      <c r="A168" s="49" t="s">
        <v>449</v>
      </c>
      <c r="B168" s="135">
        <v>121</v>
      </c>
      <c r="C168" s="120">
        <v>3.25</v>
      </c>
      <c r="D168" s="121">
        <v>0.27440000000000003</v>
      </c>
      <c r="E168" s="136">
        <v>0.48299999999999998</v>
      </c>
      <c r="F168" s="97">
        <v>8.9394263809530861E-2</v>
      </c>
      <c r="G168" s="136">
        <v>0.20100000000000001</v>
      </c>
      <c r="H168" s="97">
        <v>7.2933749088004526E-2</v>
      </c>
      <c r="I168" s="136">
        <v>0.193</v>
      </c>
      <c r="J168" s="97">
        <v>7.1930282918726232E-2</v>
      </c>
      <c r="K168" s="136">
        <v>0.122</v>
      </c>
      <c r="L168" s="97">
        <v>6.0956184338326162E-2</v>
      </c>
      <c r="M168" s="135">
        <v>123</v>
      </c>
      <c r="N168" s="120">
        <v>5.13</v>
      </c>
      <c r="O168" s="121">
        <v>0.29399999999999998</v>
      </c>
      <c r="P168" s="136">
        <v>0.38200000000000001</v>
      </c>
      <c r="Q168" s="97">
        <v>8.6386658660570589E-2</v>
      </c>
      <c r="R168" s="136">
        <v>0.41199999999999998</v>
      </c>
      <c r="S168" s="97">
        <v>8.7437019666712676E-2</v>
      </c>
      <c r="T168" s="136">
        <v>0.13900000000000001</v>
      </c>
      <c r="U168" s="97">
        <v>6.3434241023031662E-2</v>
      </c>
      <c r="V168" s="136">
        <v>6.7000000000000004E-2</v>
      </c>
      <c r="W168" s="97">
        <v>4.832154155147847E-2</v>
      </c>
    </row>
    <row r="169" spans="1:23">
      <c r="A169" s="57" t="s">
        <v>450</v>
      </c>
      <c r="B169" s="133">
        <v>125</v>
      </c>
      <c r="C169" s="117">
        <v>3.29</v>
      </c>
      <c r="D169" s="118">
        <v>0.27440000000000003</v>
      </c>
      <c r="E169" s="134">
        <v>0.57499999999999996</v>
      </c>
      <c r="F169" s="94">
        <v>8.7110093200381197E-2</v>
      </c>
      <c r="G169" s="134">
        <v>0.14599999999999999</v>
      </c>
      <c r="H169" s="94">
        <v>6.4057882248511666E-2</v>
      </c>
      <c r="I169" s="134">
        <v>0.192</v>
      </c>
      <c r="J169" s="94">
        <v>7.0640004226350958E-2</v>
      </c>
      <c r="K169" s="134">
        <v>8.5999999999999993E-2</v>
      </c>
      <c r="L169" s="94">
        <v>5.2552938347741461E-2</v>
      </c>
      <c r="M169" s="133">
        <v>125</v>
      </c>
      <c r="N169" s="117">
        <v>5.44</v>
      </c>
      <c r="O169" s="118">
        <v>0.27440000000000003</v>
      </c>
      <c r="P169" s="134">
        <v>0.501</v>
      </c>
      <c r="Q169" s="94">
        <v>8.8044925293239887E-2</v>
      </c>
      <c r="R169" s="134">
        <v>0.36199999999999999</v>
      </c>
      <c r="S169" s="94">
        <v>8.4837960060439477E-2</v>
      </c>
      <c r="T169" s="134">
        <v>5.7999999999999996E-2</v>
      </c>
      <c r="U169" s="94">
        <v>4.5431184245420697E-2</v>
      </c>
      <c r="V169" s="134">
        <v>0.08</v>
      </c>
      <c r="W169" s="94">
        <v>5.1148038583177458E-2</v>
      </c>
    </row>
    <row r="170" spans="1:23">
      <c r="A170" s="49" t="s">
        <v>451</v>
      </c>
      <c r="B170" s="135">
        <v>165</v>
      </c>
      <c r="C170" s="120">
        <v>3.57</v>
      </c>
      <c r="D170" s="121">
        <v>0.23519999999999999</v>
      </c>
      <c r="E170" s="136">
        <v>0.41899999999999998</v>
      </c>
      <c r="F170" s="97">
        <v>7.5954814406208812E-2</v>
      </c>
      <c r="G170" s="136">
        <v>0.26</v>
      </c>
      <c r="H170" s="97">
        <v>6.7953057141967879E-2</v>
      </c>
      <c r="I170" s="136">
        <v>0.20599999999999999</v>
      </c>
      <c r="J170" s="97">
        <v>6.2984401776430235E-2</v>
      </c>
      <c r="K170" s="136">
        <v>0.115</v>
      </c>
      <c r="L170" s="97">
        <v>5.0724579838000154E-2</v>
      </c>
      <c r="M170" s="135">
        <v>168</v>
      </c>
      <c r="N170" s="120">
        <v>5.18</v>
      </c>
      <c r="O170" s="121">
        <v>0.25480000000000003</v>
      </c>
      <c r="P170" s="136">
        <v>0.432</v>
      </c>
      <c r="Q170" s="97">
        <v>7.557355403015438E-2</v>
      </c>
      <c r="R170" s="136">
        <v>0.29099999999999998</v>
      </c>
      <c r="S170" s="97">
        <v>6.9604706185693352E-2</v>
      </c>
      <c r="T170" s="136">
        <v>0.126</v>
      </c>
      <c r="U170" s="97">
        <v>5.206306795381304E-2</v>
      </c>
      <c r="V170" s="136">
        <v>0.151</v>
      </c>
      <c r="W170" s="97">
        <v>5.5781610874360642E-2</v>
      </c>
    </row>
    <row r="171" spans="1:23">
      <c r="A171" s="57" t="s">
        <v>457</v>
      </c>
      <c r="B171" s="133">
        <v>129</v>
      </c>
      <c r="C171" s="117">
        <v>4.21</v>
      </c>
      <c r="D171" s="118">
        <v>0.31359999999999999</v>
      </c>
      <c r="E171" s="134">
        <v>0.26</v>
      </c>
      <c r="F171" s="94">
        <v>7.6740469071735096E-2</v>
      </c>
      <c r="G171" s="134">
        <v>0.20200000000000001</v>
      </c>
      <c r="H171" s="94">
        <v>7.0754743035761652E-2</v>
      </c>
      <c r="I171" s="134">
        <v>0.41599999999999998</v>
      </c>
      <c r="J171" s="94">
        <v>8.5552083908503482E-2</v>
      </c>
      <c r="K171" s="134">
        <v>0.122</v>
      </c>
      <c r="L171" s="94">
        <v>5.8958704885378799E-2</v>
      </c>
      <c r="M171" s="133">
        <v>130</v>
      </c>
      <c r="N171" s="117">
        <v>4.6399999999999997</v>
      </c>
      <c r="O171" s="118">
        <v>0.29399999999999998</v>
      </c>
      <c r="P171" s="134">
        <v>0.20699999999999999</v>
      </c>
      <c r="Q171" s="94">
        <v>7.1068563954884881E-2</v>
      </c>
      <c r="R171" s="134">
        <v>0.501</v>
      </c>
      <c r="S171" s="94">
        <v>8.638667994519178E-2</v>
      </c>
      <c r="T171" s="134">
        <v>0.155</v>
      </c>
      <c r="U171" s="94">
        <v>6.4176740775114635E-2</v>
      </c>
      <c r="V171" s="134">
        <v>0.13800000000000001</v>
      </c>
      <c r="W171" s="94">
        <v>6.1489655336072993E-2</v>
      </c>
    </row>
    <row r="172" spans="1:23">
      <c r="A172" s="49" t="s">
        <v>460</v>
      </c>
      <c r="B172" s="135">
        <v>193</v>
      </c>
      <c r="C172" s="120">
        <v>4.46</v>
      </c>
      <c r="D172" s="121">
        <v>0.25480000000000003</v>
      </c>
      <c r="E172" s="136">
        <v>0.247</v>
      </c>
      <c r="F172" s="97">
        <v>6.1876569606077986E-2</v>
      </c>
      <c r="G172" s="136">
        <v>0.151</v>
      </c>
      <c r="H172" s="97">
        <v>5.1984968138541407E-2</v>
      </c>
      <c r="I172" s="136">
        <v>0.51200000000000001</v>
      </c>
      <c r="J172" s="97">
        <v>7.1227352920220158E-2</v>
      </c>
      <c r="K172" s="136">
        <v>0.09</v>
      </c>
      <c r="L172" s="97">
        <v>4.2428103995704805E-2</v>
      </c>
      <c r="M172" s="135">
        <v>195</v>
      </c>
      <c r="N172" s="120">
        <v>4.67</v>
      </c>
      <c r="O172" s="121">
        <v>0.23519999999999999</v>
      </c>
      <c r="P172" s="136">
        <v>0.32400000000000001</v>
      </c>
      <c r="Q172" s="97">
        <v>6.6537744015983627E-2</v>
      </c>
      <c r="R172" s="136">
        <v>0.34799999999999998</v>
      </c>
      <c r="S172" s="97">
        <v>6.7669826460488108E-2</v>
      </c>
      <c r="T172" s="136">
        <v>0.22799999999999998</v>
      </c>
      <c r="U172" s="97">
        <v>5.9976601699868792E-2</v>
      </c>
      <c r="V172" s="136">
        <v>0.10100000000000001</v>
      </c>
      <c r="W172" s="97">
        <v>4.4186611626303295E-2</v>
      </c>
    </row>
    <row r="173" spans="1:23">
      <c r="A173" s="57" t="s">
        <v>458</v>
      </c>
      <c r="B173" s="133">
        <v>183</v>
      </c>
      <c r="C173" s="117">
        <v>4.43</v>
      </c>
      <c r="D173" s="118">
        <v>0.23519999999999999</v>
      </c>
      <c r="E173" s="134">
        <v>0.22700000000000001</v>
      </c>
      <c r="F173" s="94">
        <v>6.1813122849789945E-2</v>
      </c>
      <c r="G173" s="134">
        <v>0.20699999999999999</v>
      </c>
      <c r="H173" s="94">
        <v>5.9908022985674533E-2</v>
      </c>
      <c r="I173" s="134">
        <v>0.436</v>
      </c>
      <c r="J173" s="94">
        <v>7.2551269842161537E-2</v>
      </c>
      <c r="K173" s="134">
        <v>0.129</v>
      </c>
      <c r="L173" s="94">
        <v>5.0279307072761723E-2</v>
      </c>
      <c r="M173" s="133">
        <v>183</v>
      </c>
      <c r="N173" s="117">
        <v>4.2</v>
      </c>
      <c r="O173" s="118">
        <v>0.25480000000000003</v>
      </c>
      <c r="P173" s="134">
        <v>0.19800000000000001</v>
      </c>
      <c r="Q173" s="94">
        <v>5.8985368471777509E-2</v>
      </c>
      <c r="R173" s="134">
        <v>0.32999999999999996</v>
      </c>
      <c r="S173" s="94">
        <v>6.8960678634802985E-2</v>
      </c>
      <c r="T173" s="134">
        <v>0.30099999999999999</v>
      </c>
      <c r="U173" s="94">
        <v>6.7352539037204409E-2</v>
      </c>
      <c r="V173" s="134">
        <v>0.17</v>
      </c>
      <c r="W173" s="94">
        <v>5.5828039366081987E-2</v>
      </c>
    </row>
  </sheetData>
  <mergeCells count="21">
    <mergeCell ref="B150:L150"/>
    <mergeCell ref="M150:W150"/>
    <mergeCell ref="A149:W149"/>
    <mergeCell ref="A148:W148"/>
    <mergeCell ref="A119:S119"/>
    <mergeCell ref="A120:S120"/>
    <mergeCell ref="K121:S121"/>
    <mergeCell ref="B121:J121"/>
    <mergeCell ref="B34:H34"/>
    <mergeCell ref="I34:Q34"/>
    <mergeCell ref="A90:D90"/>
    <mergeCell ref="A91:D91"/>
    <mergeCell ref="A92:D92"/>
    <mergeCell ref="B63:H63"/>
    <mergeCell ref="A62:H62"/>
    <mergeCell ref="A61:H61"/>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202"/>
  <sheetViews>
    <sheetView zoomScaleNormal="100" workbookViewId="0">
      <selection activeCell="A178" sqref="A178:J178"/>
    </sheetView>
  </sheetViews>
  <sheetFormatPr defaultColWidth="16.5703125" defaultRowHeight="15"/>
  <cols>
    <col min="1" max="1" width="42.28515625" customWidth="1"/>
  </cols>
  <sheetData>
    <row r="1" spans="1:15" ht="31.5">
      <c r="A1" s="33" t="s">
        <v>41</v>
      </c>
    </row>
    <row r="3" spans="1:15" ht="18.75">
      <c r="A3" s="321" t="s">
        <v>3</v>
      </c>
      <c r="B3" s="321"/>
      <c r="C3" s="321"/>
      <c r="D3" s="321"/>
      <c r="E3" s="321"/>
      <c r="F3" s="321"/>
      <c r="G3" s="321"/>
      <c r="H3" s="321"/>
      <c r="I3" s="321"/>
      <c r="J3" s="321"/>
      <c r="K3" s="321"/>
      <c r="L3" s="321"/>
      <c r="M3" s="321"/>
      <c r="N3" s="321"/>
      <c r="O3" s="321"/>
    </row>
    <row r="4" spans="1:15" ht="51.75" customHeight="1">
      <c r="A4" s="373" t="s">
        <v>486</v>
      </c>
      <c r="B4" s="373"/>
      <c r="C4" s="373"/>
      <c r="D4" s="373"/>
      <c r="E4" s="373"/>
      <c r="F4" s="373"/>
      <c r="G4" s="373"/>
      <c r="H4" s="373"/>
      <c r="I4" s="373"/>
      <c r="J4" s="373"/>
      <c r="K4" s="373"/>
      <c r="L4" s="373"/>
      <c r="M4" s="373"/>
      <c r="N4" s="373"/>
      <c r="O4" s="373"/>
    </row>
    <row r="5" spans="1:15" ht="34.5" customHeight="1">
      <c r="A5" s="371" t="s">
        <v>135</v>
      </c>
      <c r="B5" s="371"/>
      <c r="C5" s="371"/>
      <c r="D5" s="371"/>
      <c r="E5" s="372" t="s">
        <v>31</v>
      </c>
      <c r="F5" s="372"/>
      <c r="G5" s="372"/>
      <c r="H5" s="372"/>
      <c r="I5" s="372"/>
      <c r="J5" s="372"/>
      <c r="K5" s="372"/>
      <c r="L5" s="372"/>
      <c r="M5" s="372"/>
      <c r="N5" s="372"/>
      <c r="O5" s="372"/>
    </row>
    <row r="6" spans="1:15" ht="39" customHeight="1">
      <c r="A6" s="37" t="s">
        <v>85</v>
      </c>
      <c r="B6" s="38" t="s">
        <v>86</v>
      </c>
      <c r="C6" s="39" t="s">
        <v>87</v>
      </c>
      <c r="D6" s="40" t="s">
        <v>88</v>
      </c>
      <c r="E6" s="65" t="s">
        <v>86</v>
      </c>
      <c r="F6" s="65" t="s">
        <v>363</v>
      </c>
      <c r="G6" s="88" t="s">
        <v>162</v>
      </c>
      <c r="H6" s="65" t="s">
        <v>364</v>
      </c>
      <c r="I6" s="88" t="s">
        <v>223</v>
      </c>
      <c r="J6" s="65" t="s">
        <v>365</v>
      </c>
      <c r="K6" s="88" t="s">
        <v>225</v>
      </c>
      <c r="L6" s="65" t="s">
        <v>366</v>
      </c>
      <c r="M6" s="88" t="s">
        <v>226</v>
      </c>
      <c r="N6" s="65" t="s">
        <v>367</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6</v>
      </c>
      <c r="B8" s="137">
        <v>8917</v>
      </c>
      <c r="C8" s="138">
        <v>3.25</v>
      </c>
      <c r="D8" s="130">
        <v>1.9599999999999999E-2</v>
      </c>
      <c r="E8" s="122">
        <v>8917</v>
      </c>
      <c r="F8" s="139">
        <v>0.05</v>
      </c>
      <c r="G8" s="94">
        <v>4.6237934270870803E-3</v>
      </c>
      <c r="H8" s="140">
        <v>0.182</v>
      </c>
      <c r="I8" s="94">
        <v>8.1727416690349861E-3</v>
      </c>
      <c r="J8" s="140">
        <v>0.33</v>
      </c>
      <c r="K8" s="94">
        <v>9.9573332700060076E-3</v>
      </c>
      <c r="L8" s="140">
        <v>0.33800000000000002</v>
      </c>
      <c r="M8" s="94">
        <v>1.0016901517968137E-2</v>
      </c>
      <c r="N8" s="140">
        <v>9.9000000000000005E-2</v>
      </c>
      <c r="O8" s="94">
        <v>6.3292740295217663E-3</v>
      </c>
    </row>
    <row r="9" spans="1:15">
      <c r="A9" s="49" t="s">
        <v>437</v>
      </c>
      <c r="B9" s="141">
        <v>8330</v>
      </c>
      <c r="C9" s="142">
        <v>3.26</v>
      </c>
      <c r="D9" s="132">
        <v>1.9599999999999999E-2</v>
      </c>
      <c r="E9" s="125">
        <v>8330</v>
      </c>
      <c r="F9" s="143">
        <v>0.05</v>
      </c>
      <c r="G9" s="97">
        <v>4.7845011054731337E-3</v>
      </c>
      <c r="H9" s="144">
        <v>0.182</v>
      </c>
      <c r="I9" s="97">
        <v>8.4558466709438972E-3</v>
      </c>
      <c r="J9" s="144">
        <v>0.33</v>
      </c>
      <c r="K9" s="97">
        <v>1.0302078539466658E-2</v>
      </c>
      <c r="L9" s="144">
        <v>0.33600000000000002</v>
      </c>
      <c r="M9" s="97">
        <v>1.0348610641627292E-2</v>
      </c>
      <c r="N9" s="144">
        <v>0.10100000000000001</v>
      </c>
      <c r="O9" s="97">
        <v>6.6070692504178515E-3</v>
      </c>
    </row>
    <row r="10" spans="1:15">
      <c r="A10" s="45" t="s">
        <v>438</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9</v>
      </c>
      <c r="B11" s="141">
        <v>3439</v>
      </c>
      <c r="C11" s="142">
        <v>3.31</v>
      </c>
      <c r="D11" s="132">
        <v>3.9199999999999999E-2</v>
      </c>
      <c r="E11" s="125">
        <v>3439</v>
      </c>
      <c r="F11" s="143">
        <v>4.3999999999999997E-2</v>
      </c>
      <c r="G11" s="97">
        <v>7.0306469967501275E-3</v>
      </c>
      <c r="H11" s="144">
        <v>0.17699999999999999</v>
      </c>
      <c r="I11" s="97">
        <v>1.301993705051306E-2</v>
      </c>
      <c r="J11" s="144">
        <v>0.317</v>
      </c>
      <c r="K11" s="97">
        <v>1.5862785444209587E-2</v>
      </c>
      <c r="L11" s="144">
        <v>0.34699999999999998</v>
      </c>
      <c r="M11" s="97">
        <v>1.6226875384882187E-2</v>
      </c>
      <c r="N11" s="144">
        <v>0.115</v>
      </c>
      <c r="O11" s="97">
        <v>1.0892189917524435E-2</v>
      </c>
    </row>
    <row r="12" spans="1:15">
      <c r="A12" s="45" t="s">
        <v>440</v>
      </c>
      <c r="B12" s="54">
        <v>3190</v>
      </c>
      <c r="C12" s="55">
        <v>3.31</v>
      </c>
      <c r="D12" s="56">
        <v>3.9199999999999999E-2</v>
      </c>
      <c r="E12" s="83">
        <v>3190</v>
      </c>
      <c r="F12" s="98">
        <v>4.2000000000000003E-2</v>
      </c>
      <c r="G12" s="94">
        <v>7.1447215389969466E-3</v>
      </c>
      <c r="H12" s="98">
        <v>0.17899999999999999</v>
      </c>
      <c r="I12" s="94">
        <v>1.357817527646662E-2</v>
      </c>
      <c r="J12" s="98">
        <v>0.317</v>
      </c>
      <c r="K12" s="94">
        <v>1.6469733811182018E-2</v>
      </c>
      <c r="L12" s="98">
        <v>0.35399999999999998</v>
      </c>
      <c r="M12" s="94">
        <v>1.692509397625707E-2</v>
      </c>
      <c r="N12" s="98">
        <v>0.109</v>
      </c>
      <c r="O12" s="94">
        <v>1.1050160619624281E-2</v>
      </c>
    </row>
    <row r="13" spans="1:15">
      <c r="A13" s="49" t="s">
        <v>452</v>
      </c>
      <c r="B13" s="141">
        <v>547</v>
      </c>
      <c r="C13" s="142">
        <v>3.21</v>
      </c>
      <c r="D13" s="132">
        <v>7.8399999999999997E-2</v>
      </c>
      <c r="E13" s="125">
        <v>547</v>
      </c>
      <c r="F13" s="143">
        <v>6.0999999999999999E-2</v>
      </c>
      <c r="G13" s="97">
        <v>2.0881998517250526E-2</v>
      </c>
      <c r="H13" s="144">
        <v>0.161</v>
      </c>
      <c r="I13" s="97">
        <v>3.1506803694913932E-2</v>
      </c>
      <c r="J13" s="144">
        <v>0.374</v>
      </c>
      <c r="K13" s="97">
        <v>4.124678223033381E-2</v>
      </c>
      <c r="L13" s="144">
        <v>0.314</v>
      </c>
      <c r="M13" s="97">
        <v>3.9589956198956895E-2</v>
      </c>
      <c r="N13" s="144">
        <v>0.09</v>
      </c>
      <c r="O13" s="97">
        <v>2.4742858231793088E-2</v>
      </c>
    </row>
    <row r="14" spans="1:15">
      <c r="A14" s="45" t="s">
        <v>441</v>
      </c>
      <c r="B14" s="54">
        <v>140</v>
      </c>
      <c r="C14" s="55">
        <v>3.29</v>
      </c>
      <c r="D14" s="56">
        <v>0.15679999999999999</v>
      </c>
      <c r="E14" s="83">
        <v>140</v>
      </c>
      <c r="F14" s="98">
        <v>7.5999999999999998E-2</v>
      </c>
      <c r="G14" s="94">
        <v>4.7161907741716032E-2</v>
      </c>
      <c r="H14" s="98">
        <v>0.109</v>
      </c>
      <c r="I14" s="94">
        <v>5.4133175583288465E-2</v>
      </c>
      <c r="J14" s="98">
        <v>0.33900000000000002</v>
      </c>
      <c r="K14" s="94">
        <v>7.9144567930386212E-2</v>
      </c>
      <c r="L14" s="98">
        <v>0.39800000000000002</v>
      </c>
      <c r="M14" s="94">
        <v>8.1677885661743471E-2</v>
      </c>
      <c r="N14" s="98">
        <v>7.8E-2</v>
      </c>
      <c r="O14" s="94">
        <v>4.7630564726435086E-2</v>
      </c>
    </row>
    <row r="15" spans="1:15">
      <c r="A15" s="49" t="s">
        <v>442</v>
      </c>
      <c r="B15" s="141">
        <v>101</v>
      </c>
      <c r="C15" s="142">
        <v>3.25</v>
      </c>
      <c r="D15" s="132">
        <v>0.19600000000000001</v>
      </c>
      <c r="E15" s="125">
        <v>101</v>
      </c>
      <c r="F15" s="143">
        <v>7.0999999999999994E-2</v>
      </c>
      <c r="G15" s="97">
        <v>5.5106505518289918E-2</v>
      </c>
      <c r="H15" s="144">
        <v>0.13400000000000001</v>
      </c>
      <c r="I15" s="97">
        <v>6.9297362875204174E-2</v>
      </c>
      <c r="J15" s="144">
        <v>0.36499999999999999</v>
      </c>
      <c r="K15" s="97">
        <v>9.4241255236401408E-2</v>
      </c>
      <c r="L15" s="144">
        <v>0.33400000000000002</v>
      </c>
      <c r="M15" s="97">
        <v>9.2479807668899391E-2</v>
      </c>
      <c r="N15" s="144">
        <v>9.7000000000000003E-2</v>
      </c>
      <c r="O15" s="97">
        <v>6.1637750784559825E-2</v>
      </c>
    </row>
    <row r="16" spans="1:15">
      <c r="A16" s="45" t="s">
        <v>443</v>
      </c>
      <c r="B16" s="54">
        <v>113</v>
      </c>
      <c r="C16" s="55">
        <v>3.22</v>
      </c>
      <c r="D16" s="56">
        <v>0.1764</v>
      </c>
      <c r="E16" s="83">
        <v>113</v>
      </c>
      <c r="F16" s="98">
        <v>3.6999999999999998E-2</v>
      </c>
      <c r="G16" s="94">
        <v>4.1360681716115281E-2</v>
      </c>
      <c r="H16" s="98">
        <v>0.16800000000000001</v>
      </c>
      <c r="I16" s="94">
        <v>7.0936073679389269E-2</v>
      </c>
      <c r="J16" s="98">
        <v>0.42099999999999999</v>
      </c>
      <c r="K16" s="94">
        <v>9.1367285552795927E-2</v>
      </c>
      <c r="L16" s="98">
        <v>0.28199999999999997</v>
      </c>
      <c r="M16" s="94">
        <v>8.3853750828024431E-2</v>
      </c>
      <c r="N16" s="98">
        <v>9.1999999999999998E-2</v>
      </c>
      <c r="O16" s="94">
        <v>5.6907057863307339E-2</v>
      </c>
    </row>
    <row r="17" spans="1:19">
      <c r="A17" s="49" t="s">
        <v>444</v>
      </c>
      <c r="B17" s="141">
        <v>76</v>
      </c>
      <c r="C17" s="142">
        <v>3.27</v>
      </c>
      <c r="D17" s="132">
        <v>0.21559999999999999</v>
      </c>
      <c r="E17" s="125">
        <v>76</v>
      </c>
      <c r="F17" s="143">
        <v>6.2E-2</v>
      </c>
      <c r="G17" s="97">
        <v>6.1992253548326506E-2</v>
      </c>
      <c r="H17" s="144">
        <v>0.18</v>
      </c>
      <c r="I17" s="97">
        <v>8.8764857911225209E-2</v>
      </c>
      <c r="J17" s="144">
        <v>0.318</v>
      </c>
      <c r="K17" s="97">
        <v>0.10490605082644185</v>
      </c>
      <c r="L17" s="144">
        <v>0.307</v>
      </c>
      <c r="M17" s="97">
        <v>0.10401508965049253</v>
      </c>
      <c r="N17" s="144">
        <v>0.13300000000000001</v>
      </c>
      <c r="O17" s="97">
        <v>8.0138373298938387E-2</v>
      </c>
    </row>
    <row r="18" spans="1:19">
      <c r="A18" s="45" t="s">
        <v>445</v>
      </c>
      <c r="B18" s="137">
        <v>117</v>
      </c>
      <c r="C18" s="138">
        <v>3.01</v>
      </c>
      <c r="D18" s="130">
        <v>0.19600000000000001</v>
      </c>
      <c r="E18" s="122">
        <v>117</v>
      </c>
      <c r="F18" s="139">
        <v>6.8000000000000005E-2</v>
      </c>
      <c r="G18" s="94">
        <v>4.9962243640293232E-2</v>
      </c>
      <c r="H18" s="140">
        <v>0.23499999999999999</v>
      </c>
      <c r="I18" s="94">
        <v>7.8063595988591097E-2</v>
      </c>
      <c r="J18" s="140">
        <v>0.38800000000000001</v>
      </c>
      <c r="K18" s="94">
        <v>8.8751048792526557E-2</v>
      </c>
      <c r="L18" s="140">
        <v>0.23899999999999999</v>
      </c>
      <c r="M18" s="94">
        <v>7.8479017287982664E-2</v>
      </c>
      <c r="N18" s="140">
        <v>7.0000000000000007E-2</v>
      </c>
      <c r="O18" s="94">
        <v>5.0492690146933153E-2</v>
      </c>
    </row>
    <row r="19" spans="1:19">
      <c r="A19" s="49" t="s">
        <v>453</v>
      </c>
      <c r="B19" s="141">
        <v>923</v>
      </c>
      <c r="C19" s="142">
        <v>3.39</v>
      </c>
      <c r="D19" s="132">
        <v>5.8799999999999998E-2</v>
      </c>
      <c r="E19" s="125">
        <v>923</v>
      </c>
      <c r="F19" s="143">
        <v>3.4000000000000002E-2</v>
      </c>
      <c r="G19" s="97">
        <v>1.2238903905473209E-2</v>
      </c>
      <c r="H19" s="144">
        <v>0.15</v>
      </c>
      <c r="I19" s="97">
        <v>2.3552360161261825E-2</v>
      </c>
      <c r="J19" s="144">
        <v>0.32</v>
      </c>
      <c r="K19" s="97">
        <v>3.0661812503757005E-2</v>
      </c>
      <c r="L19" s="144">
        <v>0.38800000000000001</v>
      </c>
      <c r="M19" s="97">
        <v>3.2016987200025396E-2</v>
      </c>
      <c r="N19" s="144">
        <v>0.108</v>
      </c>
      <c r="O19" s="97">
        <v>2.0528009393110721E-2</v>
      </c>
    </row>
    <row r="20" spans="1:19">
      <c r="A20" s="45" t="s">
        <v>446</v>
      </c>
      <c r="B20" s="54">
        <v>101</v>
      </c>
      <c r="C20" s="55">
        <v>3.33</v>
      </c>
      <c r="D20" s="56">
        <v>0.21559999999999999</v>
      </c>
      <c r="E20" s="83">
        <v>101</v>
      </c>
      <c r="F20" s="98">
        <v>5.1999999999999998E-2</v>
      </c>
      <c r="G20" s="94">
        <v>4.9491302640333051E-2</v>
      </c>
      <c r="H20" s="98">
        <v>0.14599999999999999</v>
      </c>
      <c r="I20" s="94">
        <v>7.146095070189494E-2</v>
      </c>
      <c r="J20" s="98">
        <v>0.375</v>
      </c>
      <c r="K20" s="94">
        <v>9.472623218990503E-2</v>
      </c>
      <c r="L20" s="98">
        <v>0.27800000000000002</v>
      </c>
      <c r="M20" s="94">
        <v>8.8241972123898435E-2</v>
      </c>
      <c r="N20" s="98">
        <v>0.14899999999999999</v>
      </c>
      <c r="O20" s="94">
        <v>7.1980671414882069E-2</v>
      </c>
    </row>
    <row r="21" spans="1:19">
      <c r="A21" s="49" t="s">
        <v>447</v>
      </c>
      <c r="B21" s="141">
        <v>188</v>
      </c>
      <c r="C21" s="142">
        <v>3.41</v>
      </c>
      <c r="D21" s="132">
        <v>0.13720000000000002</v>
      </c>
      <c r="E21" s="125">
        <v>188</v>
      </c>
      <c r="F21" s="143">
        <v>0.01</v>
      </c>
      <c r="G21" s="97">
        <v>2.0310073751108413E-2</v>
      </c>
      <c r="H21" s="144">
        <v>0.184</v>
      </c>
      <c r="I21" s="97">
        <v>5.6690189919437139E-2</v>
      </c>
      <c r="J21" s="144">
        <v>0.27400000000000002</v>
      </c>
      <c r="K21" s="97">
        <v>6.4715724239407371E-2</v>
      </c>
      <c r="L21" s="144">
        <v>0.45</v>
      </c>
      <c r="M21" s="97">
        <v>7.1821985027395771E-2</v>
      </c>
      <c r="N21" s="144">
        <v>8.1000000000000003E-2</v>
      </c>
      <c r="O21" s="97">
        <v>4.1250718002835071E-2</v>
      </c>
    </row>
    <row r="22" spans="1:19">
      <c r="A22" s="57" t="s">
        <v>448</v>
      </c>
      <c r="B22" s="137">
        <v>228</v>
      </c>
      <c r="C22" s="138">
        <v>3.62</v>
      </c>
      <c r="D22" s="130">
        <v>0.1176</v>
      </c>
      <c r="E22" s="122">
        <v>228</v>
      </c>
      <c r="F22" s="139">
        <v>1.0999999999999999E-2</v>
      </c>
      <c r="G22" s="94">
        <v>1.8124792213642951E-2</v>
      </c>
      <c r="H22" s="140">
        <v>0.115</v>
      </c>
      <c r="I22" s="94">
        <v>4.2919761698757816E-2</v>
      </c>
      <c r="J22" s="140">
        <v>0.28399999999999997</v>
      </c>
      <c r="K22" s="94">
        <v>5.9442664113800989E-2</v>
      </c>
      <c r="L22" s="140">
        <v>0.42099999999999999</v>
      </c>
      <c r="M22" s="94">
        <v>6.4856918337889535E-2</v>
      </c>
      <c r="N22" s="140">
        <v>0.16900000000000001</v>
      </c>
      <c r="O22" s="94">
        <v>4.9859180465654587E-2</v>
      </c>
    </row>
    <row r="23" spans="1:19">
      <c r="A23" s="49" t="s">
        <v>449</v>
      </c>
      <c r="B23" s="141">
        <v>123</v>
      </c>
      <c r="C23" s="142">
        <v>3.25</v>
      </c>
      <c r="D23" s="132">
        <v>0.1764</v>
      </c>
      <c r="E23" s="125">
        <v>123</v>
      </c>
      <c r="F23" s="143">
        <v>2.5000000000000001E-2</v>
      </c>
      <c r="G23" s="97">
        <v>3.4760724500462269E-2</v>
      </c>
      <c r="H23" s="144">
        <v>0.2</v>
      </c>
      <c r="I23" s="97">
        <v>7.2215777097065059E-2</v>
      </c>
      <c r="J23" s="144">
        <v>0.35499999999999998</v>
      </c>
      <c r="K23" s="97">
        <v>8.5163770458153057E-2</v>
      </c>
      <c r="L23" s="144">
        <v>0.33700000000000002</v>
      </c>
      <c r="M23" s="97">
        <v>8.4196672890399865E-2</v>
      </c>
      <c r="N23" s="144">
        <v>8.3000000000000004E-2</v>
      </c>
      <c r="O23" s="97">
        <v>5.2314054528148989E-2</v>
      </c>
    </row>
    <row r="24" spans="1:19">
      <c r="A24" s="57" t="s">
        <v>450</v>
      </c>
      <c r="B24" s="137">
        <v>121</v>
      </c>
      <c r="C24" s="138">
        <v>3.32</v>
      </c>
      <c r="D24" s="130">
        <v>0.19600000000000001</v>
      </c>
      <c r="E24" s="122">
        <v>121</v>
      </c>
      <c r="F24" s="139">
        <v>7.1999999999999995E-2</v>
      </c>
      <c r="G24" s="94">
        <v>5.0072649806935522E-2</v>
      </c>
      <c r="H24" s="140">
        <v>0.10299999999999999</v>
      </c>
      <c r="I24" s="94">
        <v>5.722002010038095E-2</v>
      </c>
      <c r="J24" s="140">
        <v>0.375</v>
      </c>
      <c r="K24" s="94">
        <v>8.678414601757628E-2</v>
      </c>
      <c r="L24" s="140">
        <v>0.33800000000000002</v>
      </c>
      <c r="M24" s="94">
        <v>8.4929851928565142E-2</v>
      </c>
      <c r="N24" s="140">
        <v>0.113</v>
      </c>
      <c r="O24" s="94">
        <v>5.9238596214022492E-2</v>
      </c>
    </row>
    <row r="25" spans="1:19">
      <c r="A25" s="49" t="s">
        <v>451</v>
      </c>
      <c r="B25" s="141">
        <v>162</v>
      </c>
      <c r="C25" s="142">
        <v>3.11</v>
      </c>
      <c r="D25" s="132">
        <v>0.15679999999999999</v>
      </c>
      <c r="E25" s="125">
        <v>162</v>
      </c>
      <c r="F25" s="143">
        <v>7.6999999999999999E-2</v>
      </c>
      <c r="G25" s="97">
        <v>4.3793103862399756E-2</v>
      </c>
      <c r="H25" s="144">
        <v>0.16800000000000001</v>
      </c>
      <c r="I25" s="97">
        <v>5.911475464609043E-2</v>
      </c>
      <c r="J25" s="144">
        <v>0.36199999999999999</v>
      </c>
      <c r="K25" s="97">
        <v>7.4746596087131009E-2</v>
      </c>
      <c r="L25" s="144">
        <v>0.35599999999999998</v>
      </c>
      <c r="M25" s="97">
        <v>7.4486399702621359E-2</v>
      </c>
      <c r="N25" s="144">
        <v>3.6999999999999998E-2</v>
      </c>
      <c r="O25" s="97">
        <v>3.323431447381122E-2</v>
      </c>
    </row>
    <row r="26" spans="1:19">
      <c r="A26" s="57" t="s">
        <v>457</v>
      </c>
      <c r="B26" s="137">
        <v>60</v>
      </c>
      <c r="C26" s="138">
        <v>3.12</v>
      </c>
      <c r="D26" s="130">
        <v>0.25480000000000003</v>
      </c>
      <c r="E26" s="122">
        <v>60</v>
      </c>
      <c r="F26" s="139">
        <v>2.9000000000000001E-2</v>
      </c>
      <c r="G26" s="94">
        <v>5.8642219536008143E-2</v>
      </c>
      <c r="H26" s="140">
        <v>0.33100000000000002</v>
      </c>
      <c r="I26" s="94">
        <v>0.11855841350199224</v>
      </c>
      <c r="J26" s="140">
        <v>0.17499999999999999</v>
      </c>
      <c r="K26" s="94">
        <v>9.9110269190353706E-2</v>
      </c>
      <c r="L26" s="140">
        <v>0.41699999999999998</v>
      </c>
      <c r="M26" s="94">
        <v>0.12347702591062994</v>
      </c>
      <c r="N26" s="140">
        <v>4.8000000000000001E-2</v>
      </c>
      <c r="O26" s="94">
        <v>6.6349424215662936E-2</v>
      </c>
    </row>
    <row r="27" spans="1:19">
      <c r="A27" s="49" t="s">
        <v>460</v>
      </c>
      <c r="B27" s="141">
        <v>55</v>
      </c>
      <c r="C27" s="142">
        <v>3.37</v>
      </c>
      <c r="D27" s="132">
        <v>0.25480000000000003</v>
      </c>
      <c r="E27" s="125">
        <v>55</v>
      </c>
      <c r="F27" s="143">
        <v>0.05</v>
      </c>
      <c r="G27" s="97">
        <v>7.0843278976296886E-2</v>
      </c>
      <c r="H27" s="144">
        <v>0.123</v>
      </c>
      <c r="I27" s="97">
        <v>9.2604297543035799E-2</v>
      </c>
      <c r="J27" s="144">
        <v>0.378</v>
      </c>
      <c r="K27" s="97">
        <v>0.12677639650023853</v>
      </c>
      <c r="L27" s="144">
        <v>0.309</v>
      </c>
      <c r="M27" s="97">
        <v>0.1216546642629186</v>
      </c>
      <c r="N27" s="144">
        <v>0.14099999999999999</v>
      </c>
      <c r="O27" s="97">
        <v>9.6726770078404939E-2</v>
      </c>
    </row>
    <row r="28" spans="1:19">
      <c r="A28" s="57" t="s">
        <v>458</v>
      </c>
      <c r="B28" s="137">
        <v>76</v>
      </c>
      <c r="C28" s="138">
        <v>3.66</v>
      </c>
      <c r="D28" s="130">
        <v>0.23519999999999999</v>
      </c>
      <c r="E28" s="122">
        <v>76</v>
      </c>
      <c r="F28" s="139">
        <v>0.01</v>
      </c>
      <c r="G28" s="94">
        <v>4.0810384707816713E-2</v>
      </c>
      <c r="H28" s="140">
        <v>8.6999999999999994E-2</v>
      </c>
      <c r="I28" s="94">
        <v>6.9304212534304147E-2</v>
      </c>
      <c r="J28" s="140">
        <v>0.38800000000000001</v>
      </c>
      <c r="K28" s="94">
        <v>0.10924262904196329</v>
      </c>
      <c r="L28" s="140">
        <v>0.25700000000000001</v>
      </c>
      <c r="M28" s="94">
        <v>9.9173655145910602E-2</v>
      </c>
      <c r="N28" s="140">
        <v>0.25700000000000001</v>
      </c>
      <c r="O28" s="94">
        <v>9.9173655145910602E-2</v>
      </c>
    </row>
    <row r="32" spans="1:19" ht="18.75">
      <c r="A32" s="322" t="s">
        <v>293</v>
      </c>
      <c r="B32" s="322"/>
      <c r="C32" s="322"/>
      <c r="D32" s="322"/>
      <c r="E32" s="322"/>
      <c r="F32" s="322"/>
      <c r="G32" s="322"/>
      <c r="H32" s="322"/>
      <c r="I32" s="322"/>
      <c r="J32" s="322"/>
      <c r="K32" s="322"/>
      <c r="L32" s="228"/>
      <c r="M32" s="228"/>
      <c r="N32" s="228"/>
      <c r="O32" s="228"/>
      <c r="P32" s="258"/>
      <c r="Q32" s="258"/>
      <c r="R32" s="258"/>
      <c r="S32" s="258"/>
    </row>
    <row r="33" spans="1:19" ht="53.25" customHeight="1">
      <c r="A33" s="378" t="s">
        <v>487</v>
      </c>
      <c r="B33" s="378"/>
      <c r="C33" s="378"/>
      <c r="D33" s="378"/>
      <c r="E33" s="378"/>
      <c r="F33" s="378"/>
      <c r="G33" s="378"/>
      <c r="H33" s="378"/>
      <c r="I33" s="378"/>
      <c r="J33" s="378"/>
      <c r="K33" s="378"/>
      <c r="L33" s="269"/>
      <c r="M33" s="269"/>
      <c r="N33" s="269"/>
      <c r="O33" s="269"/>
      <c r="P33" s="258"/>
      <c r="Q33" s="258"/>
      <c r="R33" s="258"/>
      <c r="S33" s="258"/>
    </row>
    <row r="34" spans="1:19" ht="33" customHeight="1">
      <c r="A34" s="372" t="s">
        <v>294</v>
      </c>
      <c r="B34" s="372"/>
      <c r="C34" s="372"/>
      <c r="D34" s="372"/>
      <c r="E34" s="379" t="s">
        <v>400</v>
      </c>
      <c r="F34" s="380"/>
      <c r="G34" s="380"/>
      <c r="H34" s="380"/>
      <c r="I34" s="380"/>
      <c r="J34" s="380"/>
      <c r="K34" s="381"/>
    </row>
    <row r="35" spans="1:19" ht="57.75" customHeight="1">
      <c r="A35" s="37" t="s">
        <v>85</v>
      </c>
      <c r="B35" s="38" t="s">
        <v>86</v>
      </c>
      <c r="C35" s="39" t="s">
        <v>87</v>
      </c>
      <c r="D35" s="40" t="s">
        <v>88</v>
      </c>
      <c r="E35" s="65" t="s">
        <v>86</v>
      </c>
      <c r="F35" s="65" t="s">
        <v>335</v>
      </c>
      <c r="G35" s="88" t="s">
        <v>338</v>
      </c>
      <c r="H35" s="65" t="s">
        <v>336</v>
      </c>
      <c r="I35" s="88" t="s">
        <v>339</v>
      </c>
      <c r="J35" s="65" t="s">
        <v>337</v>
      </c>
      <c r="K35" s="88" t="s">
        <v>340</v>
      </c>
    </row>
    <row r="36" spans="1:19" ht="84">
      <c r="A36" s="41"/>
      <c r="B36" s="42" t="s">
        <v>89</v>
      </c>
      <c r="C36" s="43" t="s">
        <v>435</v>
      </c>
      <c r="D36" s="44" t="s">
        <v>91</v>
      </c>
      <c r="E36" s="68" t="s">
        <v>89</v>
      </c>
      <c r="F36" s="68" t="s">
        <v>397</v>
      </c>
      <c r="G36" s="90" t="s">
        <v>104</v>
      </c>
      <c r="H36" s="68" t="s">
        <v>398</v>
      </c>
      <c r="I36" s="90" t="s">
        <v>104</v>
      </c>
      <c r="J36" s="68" t="s">
        <v>399</v>
      </c>
      <c r="K36" s="90" t="s">
        <v>104</v>
      </c>
    </row>
    <row r="37" spans="1:19">
      <c r="A37" s="45" t="s">
        <v>436</v>
      </c>
      <c r="B37" s="145">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19">
      <c r="A38" s="49" t="s">
        <v>437</v>
      </c>
      <c r="B38" s="49">
        <v>7903</v>
      </c>
      <c r="C38" s="147">
        <v>6.98</v>
      </c>
      <c r="D38" s="148">
        <v>3.9199999999999999E-2</v>
      </c>
      <c r="E38" s="125">
        <v>7903</v>
      </c>
      <c r="F38" s="143">
        <v>0.38</v>
      </c>
      <c r="G38" s="97">
        <v>1.0917550105584376E-2</v>
      </c>
      <c r="H38" s="144">
        <v>0.28899999999999998</v>
      </c>
      <c r="I38" s="97">
        <v>1.0196601185226134E-2</v>
      </c>
      <c r="J38" s="144">
        <v>0.33100000000000002</v>
      </c>
      <c r="K38" s="97">
        <v>1.0584723311543207E-2</v>
      </c>
    </row>
    <row r="39" spans="1:19">
      <c r="A39" s="45" t="s">
        <v>438</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19">
      <c r="A40" s="49" t="s">
        <v>439</v>
      </c>
      <c r="B40" s="49">
        <v>3258</v>
      </c>
      <c r="C40" s="147">
        <v>7.15</v>
      </c>
      <c r="D40" s="148">
        <v>7.8399999999999997E-2</v>
      </c>
      <c r="E40" s="125">
        <v>3258</v>
      </c>
      <c r="F40" s="143">
        <v>0.33600000000000002</v>
      </c>
      <c r="G40" s="97">
        <v>1.6542679192894569E-2</v>
      </c>
      <c r="H40" s="144">
        <v>0.30199999999999999</v>
      </c>
      <c r="I40" s="97">
        <v>1.6081189173916825E-2</v>
      </c>
      <c r="J40" s="144">
        <v>0.36199999999999999</v>
      </c>
      <c r="K40" s="97">
        <v>1.6830480817644104E-2</v>
      </c>
    </row>
    <row r="41" spans="1:19">
      <c r="A41" s="45" t="s">
        <v>440</v>
      </c>
      <c r="B41" s="53">
        <v>3025</v>
      </c>
      <c r="C41" s="84">
        <v>7.16</v>
      </c>
      <c r="D41" s="85">
        <v>7.8399999999999997E-2</v>
      </c>
      <c r="E41" s="83">
        <v>3025</v>
      </c>
      <c r="F41" s="98">
        <v>0.32900000000000001</v>
      </c>
      <c r="G41" s="94">
        <v>1.7077153044290427E-2</v>
      </c>
      <c r="H41" s="98">
        <v>0.30599999999999999</v>
      </c>
      <c r="I41" s="94">
        <v>1.6750291035817037E-2</v>
      </c>
      <c r="J41" s="98">
        <v>0.36599999999999999</v>
      </c>
      <c r="K41" s="94">
        <v>1.7506925212558047E-2</v>
      </c>
    </row>
    <row r="42" spans="1:19">
      <c r="A42" s="49" t="s">
        <v>452</v>
      </c>
      <c r="B42" s="49">
        <v>522</v>
      </c>
      <c r="C42" s="147">
        <v>7.18</v>
      </c>
      <c r="D42" s="148">
        <v>0.1764</v>
      </c>
      <c r="E42" s="125">
        <v>522</v>
      </c>
      <c r="F42" s="143">
        <v>0.34399999999999997</v>
      </c>
      <c r="G42" s="97">
        <v>4.1459377886883197E-2</v>
      </c>
      <c r="H42" s="144">
        <v>0.29599999999999999</v>
      </c>
      <c r="I42" s="97">
        <v>3.9868084411790482E-2</v>
      </c>
      <c r="J42" s="144">
        <v>0.36</v>
      </c>
      <c r="K42" s="97">
        <v>4.1884956091600006E-2</v>
      </c>
    </row>
    <row r="43" spans="1:19">
      <c r="A43" s="45" t="s">
        <v>441</v>
      </c>
      <c r="B43" s="53">
        <v>137</v>
      </c>
      <c r="C43" s="84">
        <v>7.29</v>
      </c>
      <c r="D43" s="85">
        <v>0.3528</v>
      </c>
      <c r="E43" s="83">
        <v>137</v>
      </c>
      <c r="F43" s="98">
        <v>0.30299999999999999</v>
      </c>
      <c r="G43" s="94">
        <v>7.7799833368059193E-2</v>
      </c>
      <c r="H43" s="98">
        <v>0.30499999999999999</v>
      </c>
      <c r="I43" s="94">
        <v>7.7934659798475567E-2</v>
      </c>
      <c r="J43" s="98">
        <v>0.39200000000000002</v>
      </c>
      <c r="K43" s="94">
        <v>8.2339618477950183E-2</v>
      </c>
    </row>
    <row r="44" spans="1:19">
      <c r="A44" s="49" t="s">
        <v>442</v>
      </c>
      <c r="B44" s="49">
        <v>92</v>
      </c>
      <c r="C44" s="147">
        <v>7.13</v>
      </c>
      <c r="D44" s="148">
        <v>0.47039999999999998</v>
      </c>
      <c r="E44" s="125">
        <v>92</v>
      </c>
      <c r="F44" s="143">
        <v>0.33300000000000002</v>
      </c>
      <c r="G44" s="97">
        <v>9.669252490294418E-2</v>
      </c>
      <c r="H44" s="144">
        <v>0.27300000000000002</v>
      </c>
      <c r="I44" s="97">
        <v>9.1895688886886151E-2</v>
      </c>
      <c r="J44" s="144">
        <v>0.39400000000000002</v>
      </c>
      <c r="K44" s="97">
        <v>9.9933483375378426E-2</v>
      </c>
    </row>
    <row r="45" spans="1:19">
      <c r="A45" s="45" t="s">
        <v>443</v>
      </c>
      <c r="B45" s="53">
        <v>107</v>
      </c>
      <c r="C45" s="84">
        <v>6.97</v>
      </c>
      <c r="D45" s="85">
        <v>0.41159999999999997</v>
      </c>
      <c r="E45" s="83">
        <v>107</v>
      </c>
      <c r="F45" s="98">
        <v>0.39700000000000002</v>
      </c>
      <c r="G45" s="94">
        <v>9.30255870659525E-2</v>
      </c>
      <c r="H45" s="98">
        <v>0.29399999999999998</v>
      </c>
      <c r="I45" s="94">
        <v>8.7109197957697934E-2</v>
      </c>
      <c r="J45" s="98">
        <v>0.309</v>
      </c>
      <c r="K45" s="94">
        <v>8.8246356060742492E-2</v>
      </c>
    </row>
    <row r="46" spans="1:19">
      <c r="A46" s="49" t="s">
        <v>444</v>
      </c>
      <c r="B46" s="49">
        <v>76</v>
      </c>
      <c r="C46" s="147">
        <v>7.65</v>
      </c>
      <c r="D46" s="148">
        <v>0.43119999999999997</v>
      </c>
      <c r="E46" s="125">
        <v>76</v>
      </c>
      <c r="F46" s="143">
        <v>0.36</v>
      </c>
      <c r="G46" s="97">
        <v>0.10777546102893737</v>
      </c>
      <c r="H46" s="144">
        <v>0.18</v>
      </c>
      <c r="I46" s="97">
        <v>8.8764857911225209E-2</v>
      </c>
      <c r="J46" s="144">
        <v>0.46</v>
      </c>
      <c r="K46" s="97">
        <v>0.11148004305704229</v>
      </c>
    </row>
    <row r="47" spans="1:19">
      <c r="A47" s="45" t="s">
        <v>445</v>
      </c>
      <c r="B47" s="145">
        <v>110</v>
      </c>
      <c r="C47" s="84">
        <v>7.09</v>
      </c>
      <c r="D47" s="85">
        <v>0.37240000000000001</v>
      </c>
      <c r="E47" s="83">
        <v>110</v>
      </c>
      <c r="F47" s="98">
        <v>0.31</v>
      </c>
      <c r="G47" s="94">
        <v>8.7135484118656237E-2</v>
      </c>
      <c r="H47" s="98">
        <v>0.4</v>
      </c>
      <c r="I47" s="94">
        <v>9.1898006565537788E-2</v>
      </c>
      <c r="J47" s="98">
        <v>0.28999999999999998</v>
      </c>
      <c r="K47" s="94">
        <v>8.5622681700114792E-2</v>
      </c>
    </row>
    <row r="48" spans="1:19">
      <c r="A48" s="49" t="s">
        <v>453</v>
      </c>
      <c r="B48" s="146">
        <v>876</v>
      </c>
      <c r="C48" s="147">
        <v>7.22</v>
      </c>
      <c r="D48" s="148">
        <v>0.13720000000000002</v>
      </c>
      <c r="E48" s="125">
        <v>876</v>
      </c>
      <c r="F48" s="143">
        <v>0.33700000000000002</v>
      </c>
      <c r="G48" s="97">
        <v>3.1885590035266247E-2</v>
      </c>
      <c r="H48" s="144">
        <v>0.27900000000000003</v>
      </c>
      <c r="I48" s="97">
        <v>3.0271648900890964E-2</v>
      </c>
      <c r="J48" s="144">
        <v>0.38300000000000001</v>
      </c>
      <c r="K48" s="97">
        <v>3.2782697946544835E-2</v>
      </c>
    </row>
    <row r="49" spans="1:22">
      <c r="A49" s="45" t="s">
        <v>446</v>
      </c>
      <c r="B49" s="83">
        <v>102</v>
      </c>
      <c r="C49" s="84">
        <v>7.39</v>
      </c>
      <c r="D49" s="85">
        <v>0.45080000000000003</v>
      </c>
      <c r="E49" s="83">
        <v>102</v>
      </c>
      <c r="F49" s="98">
        <v>0.28100000000000003</v>
      </c>
      <c r="G49" s="94">
        <v>8.8080238274143532E-2</v>
      </c>
      <c r="H49" s="98">
        <v>0.27</v>
      </c>
      <c r="I49" s="94">
        <v>8.7095073519560112E-2</v>
      </c>
      <c r="J49" s="98">
        <v>0.44900000000000001</v>
      </c>
      <c r="K49" s="94">
        <v>9.6659604658512407E-2</v>
      </c>
    </row>
    <row r="50" spans="1:22">
      <c r="A50" s="49" t="s">
        <v>447</v>
      </c>
      <c r="B50" s="146">
        <v>176</v>
      </c>
      <c r="C50" s="147">
        <v>7.43</v>
      </c>
      <c r="D50" s="148">
        <v>0.31359999999999999</v>
      </c>
      <c r="E50" s="125">
        <v>176</v>
      </c>
      <c r="F50" s="143">
        <v>0.30299999999999999</v>
      </c>
      <c r="G50" s="97">
        <v>6.8782536463548621E-2</v>
      </c>
      <c r="H50" s="144">
        <v>0.27200000000000002</v>
      </c>
      <c r="I50" s="97">
        <v>6.6716769321078312E-2</v>
      </c>
      <c r="J50" s="144">
        <v>0.42499999999999999</v>
      </c>
      <c r="K50" s="97">
        <v>7.3729569256276342E-2</v>
      </c>
    </row>
    <row r="51" spans="1:22">
      <c r="A51" s="57" t="s">
        <v>448</v>
      </c>
      <c r="B51" s="145">
        <v>220</v>
      </c>
      <c r="C51" s="84">
        <v>7.19</v>
      </c>
      <c r="D51" s="85">
        <v>0.29399999999999998</v>
      </c>
      <c r="E51" s="83">
        <v>220</v>
      </c>
      <c r="F51" s="98">
        <v>0.35799999999999998</v>
      </c>
      <c r="G51" s="94">
        <v>6.4163534510627618E-2</v>
      </c>
      <c r="H51" s="98">
        <v>0.23699999999999999</v>
      </c>
      <c r="I51" s="94">
        <v>5.7208775704688637E-2</v>
      </c>
      <c r="J51" s="98">
        <v>0.40500000000000003</v>
      </c>
      <c r="K51" s="94">
        <v>6.564167387614385E-2</v>
      </c>
    </row>
    <row r="52" spans="1:22">
      <c r="A52" s="49" t="s">
        <v>449</v>
      </c>
      <c r="B52" s="146">
        <v>112</v>
      </c>
      <c r="C52" s="147">
        <v>6.9</v>
      </c>
      <c r="D52" s="148">
        <v>0.39200000000000002</v>
      </c>
      <c r="E52" s="125">
        <v>112</v>
      </c>
      <c r="F52" s="143">
        <v>0.42899999999999999</v>
      </c>
      <c r="G52" s="97">
        <v>9.1970883907994641E-2</v>
      </c>
      <c r="H52" s="144">
        <v>0.20799999999999999</v>
      </c>
      <c r="I52" s="97">
        <v>7.668000948758813E-2</v>
      </c>
      <c r="J52" s="144">
        <v>0.36299999999999999</v>
      </c>
      <c r="K52" s="97">
        <v>8.953964568142754E-2</v>
      </c>
    </row>
    <row r="53" spans="1:22">
      <c r="A53" s="57" t="s">
        <v>450</v>
      </c>
      <c r="B53" s="145">
        <v>114</v>
      </c>
      <c r="C53" s="84">
        <v>7.14</v>
      </c>
      <c r="D53" s="85">
        <v>0.37240000000000001</v>
      </c>
      <c r="E53" s="83">
        <v>114</v>
      </c>
      <c r="F53" s="98">
        <v>0.33</v>
      </c>
      <c r="G53" s="94">
        <v>8.6949452135361552E-2</v>
      </c>
      <c r="H53" s="98">
        <v>0.315</v>
      </c>
      <c r="I53" s="94">
        <v>8.5975166143165943E-2</v>
      </c>
      <c r="J53" s="98">
        <v>0.35499999999999998</v>
      </c>
      <c r="K53" s="94">
        <v>8.8370610960385135E-2</v>
      </c>
    </row>
    <row r="54" spans="1:22">
      <c r="A54" s="49" t="s">
        <v>451</v>
      </c>
      <c r="B54" s="146">
        <v>152</v>
      </c>
      <c r="C54" s="147">
        <v>7.18</v>
      </c>
      <c r="D54" s="148">
        <v>0.3528</v>
      </c>
      <c r="E54" s="125">
        <v>152</v>
      </c>
      <c r="F54" s="143">
        <v>0.317</v>
      </c>
      <c r="G54" s="97">
        <v>7.4799966897000983E-2</v>
      </c>
      <c r="H54" s="144">
        <v>0.39</v>
      </c>
      <c r="I54" s="97">
        <v>7.8202983340027177E-2</v>
      </c>
      <c r="J54" s="144">
        <v>0.29399999999999998</v>
      </c>
      <c r="K54" s="97">
        <v>7.3329656970049298E-2</v>
      </c>
    </row>
    <row r="55" spans="1:22">
      <c r="A55" s="57" t="s">
        <v>457</v>
      </c>
      <c r="B55" s="145">
        <v>57</v>
      </c>
      <c r="C55" s="84">
        <v>6.14</v>
      </c>
      <c r="D55" s="85">
        <v>0.58799999999999997</v>
      </c>
      <c r="E55" s="83">
        <v>57</v>
      </c>
      <c r="F55" s="98">
        <v>0.54400000000000004</v>
      </c>
      <c r="G55" s="94">
        <v>0.12760327273551869</v>
      </c>
      <c r="H55" s="98">
        <v>0.23599999999999999</v>
      </c>
      <c r="I55" s="94">
        <v>0.11136846886829062</v>
      </c>
      <c r="J55" s="98">
        <v>0.22</v>
      </c>
      <c r="K55" s="94">
        <v>0.10910811408692898</v>
      </c>
    </row>
    <row r="56" spans="1:22">
      <c r="A56" s="49" t="s">
        <v>460</v>
      </c>
      <c r="B56" s="146">
        <v>54</v>
      </c>
      <c r="C56" s="147">
        <v>6.66</v>
      </c>
      <c r="D56" s="148">
        <v>0.56839999999999991</v>
      </c>
      <c r="E56" s="125">
        <v>54</v>
      </c>
      <c r="F56" s="143">
        <v>0.46100000000000002</v>
      </c>
      <c r="G56" s="97">
        <v>0.13095973554901938</v>
      </c>
      <c r="H56" s="144">
        <v>0.26</v>
      </c>
      <c r="I56" s="97">
        <v>0.11746484962547636</v>
      </c>
      <c r="J56" s="144">
        <v>0.28000000000000003</v>
      </c>
      <c r="K56" s="97">
        <v>0.11978303947890072</v>
      </c>
    </row>
    <row r="57" spans="1:22">
      <c r="A57" s="57" t="s">
        <v>458</v>
      </c>
      <c r="B57" s="145">
        <v>72</v>
      </c>
      <c r="C57" s="84">
        <v>7.42</v>
      </c>
      <c r="D57" s="85">
        <v>0.54880000000000007</v>
      </c>
      <c r="E57" s="83">
        <v>72</v>
      </c>
      <c r="F57" s="98">
        <v>0.312</v>
      </c>
      <c r="G57" s="94">
        <v>0.10718368769140815</v>
      </c>
      <c r="H57" s="98">
        <v>0.28299999999999997</v>
      </c>
      <c r="I57" s="94">
        <v>0.10456357834222754</v>
      </c>
      <c r="J57" s="98">
        <v>0.40500000000000003</v>
      </c>
      <c r="K57" s="94">
        <v>0.11283429863019676</v>
      </c>
    </row>
    <row r="60" spans="1:22" s="250" customFormat="1">
      <c r="A60" s="243"/>
      <c r="B60" s="244"/>
      <c r="C60" s="245"/>
      <c r="D60" s="246"/>
      <c r="E60" s="247"/>
      <c r="F60" s="248"/>
      <c r="G60" s="249"/>
      <c r="H60" s="248"/>
      <c r="I60" s="249"/>
    </row>
    <row r="61" spans="1:22" ht="18.75">
      <c r="A61" s="321" t="s">
        <v>295</v>
      </c>
      <c r="B61" s="321"/>
      <c r="C61" s="321"/>
      <c r="D61" s="321"/>
      <c r="E61" s="321"/>
      <c r="F61" s="321"/>
      <c r="G61" s="321"/>
      <c r="H61" s="321"/>
      <c r="I61" s="321"/>
      <c r="J61" s="321"/>
      <c r="K61" s="321"/>
      <c r="L61" s="321"/>
      <c r="M61" s="321"/>
      <c r="N61" s="321"/>
      <c r="O61" s="321"/>
      <c r="P61" s="321"/>
      <c r="Q61" s="321"/>
      <c r="R61" s="321"/>
      <c r="S61" s="321"/>
      <c r="T61" s="321"/>
      <c r="U61" s="321"/>
      <c r="V61" s="321"/>
    </row>
    <row r="62" spans="1:22" ht="73.5" customHeight="1">
      <c r="A62" s="370" t="s">
        <v>488</v>
      </c>
      <c r="B62" s="370"/>
      <c r="C62" s="370"/>
      <c r="D62" s="370"/>
      <c r="E62" s="370"/>
      <c r="F62" s="370"/>
      <c r="G62" s="370"/>
      <c r="H62" s="370"/>
      <c r="I62" s="370"/>
      <c r="J62" s="370"/>
      <c r="K62" s="370"/>
      <c r="L62" s="370"/>
      <c r="M62" s="370"/>
      <c r="N62" s="370"/>
      <c r="O62" s="370"/>
      <c r="P62" s="370"/>
      <c r="Q62" s="370"/>
      <c r="R62" s="370"/>
      <c r="S62" s="370"/>
      <c r="T62" s="370"/>
      <c r="U62" s="370"/>
      <c r="V62" s="370"/>
    </row>
    <row r="63" spans="1:22" ht="57.75" customHeight="1">
      <c r="A63" s="242"/>
      <c r="B63" s="360" t="s">
        <v>341</v>
      </c>
      <c r="C63" s="360"/>
      <c r="D63" s="360"/>
      <c r="E63" s="360"/>
      <c r="F63" s="360"/>
      <c r="G63" s="360"/>
      <c r="H63" s="360"/>
      <c r="I63" s="360" t="s">
        <v>342</v>
      </c>
      <c r="J63" s="360"/>
      <c r="K63" s="360"/>
      <c r="L63" s="360"/>
      <c r="M63" s="360"/>
      <c r="N63" s="360"/>
      <c r="O63" s="360"/>
      <c r="P63" s="360" t="s">
        <v>343</v>
      </c>
      <c r="Q63" s="360"/>
      <c r="R63" s="360"/>
      <c r="S63" s="360"/>
      <c r="T63" s="360"/>
      <c r="U63" s="360"/>
      <c r="V63" s="360"/>
    </row>
    <row r="64" spans="1:22" ht="44.25" customHeight="1">
      <c r="A64" s="37" t="s">
        <v>85</v>
      </c>
      <c r="B64" s="38" t="s">
        <v>86</v>
      </c>
      <c r="C64" s="38" t="s">
        <v>296</v>
      </c>
      <c r="D64" s="89" t="s">
        <v>299</v>
      </c>
      <c r="E64" s="38" t="s">
        <v>298</v>
      </c>
      <c r="F64" s="89" t="s">
        <v>300</v>
      </c>
      <c r="G64" s="38" t="s">
        <v>297</v>
      </c>
      <c r="H64" s="89" t="s">
        <v>301</v>
      </c>
      <c r="I64" s="65" t="s">
        <v>86</v>
      </c>
      <c r="J64" s="65" t="s">
        <v>302</v>
      </c>
      <c r="K64" s="88" t="s">
        <v>303</v>
      </c>
      <c r="L64" s="65" t="s">
        <v>304</v>
      </c>
      <c r="M64" s="88" t="s">
        <v>305</v>
      </c>
      <c r="N64" s="65" t="s">
        <v>306</v>
      </c>
      <c r="O64" s="88" t="s">
        <v>307</v>
      </c>
      <c r="P64" s="38" t="s">
        <v>86</v>
      </c>
      <c r="Q64" s="38" t="s">
        <v>308</v>
      </c>
      <c r="R64" s="89" t="s">
        <v>309</v>
      </c>
      <c r="S64" s="38" t="s">
        <v>310</v>
      </c>
      <c r="T64" s="89" t="s">
        <v>311</v>
      </c>
      <c r="U64" s="38" t="s">
        <v>312</v>
      </c>
      <c r="V64" s="89" t="s">
        <v>313</v>
      </c>
    </row>
    <row r="65" spans="1:22" ht="72">
      <c r="A65" s="41"/>
      <c r="B65" s="42" t="s">
        <v>89</v>
      </c>
      <c r="C65" s="42" t="s">
        <v>401</v>
      </c>
      <c r="D65" s="91" t="s">
        <v>104</v>
      </c>
      <c r="E65" s="42" t="s">
        <v>402</v>
      </c>
      <c r="F65" s="91" t="s">
        <v>104</v>
      </c>
      <c r="G65" s="42" t="s">
        <v>403</v>
      </c>
      <c r="H65" s="91" t="s">
        <v>104</v>
      </c>
      <c r="I65" s="68" t="s">
        <v>89</v>
      </c>
      <c r="J65" s="68" t="s">
        <v>401</v>
      </c>
      <c r="K65" s="90" t="s">
        <v>104</v>
      </c>
      <c r="L65" s="68" t="s">
        <v>402</v>
      </c>
      <c r="M65" s="90" t="s">
        <v>104</v>
      </c>
      <c r="N65" s="68" t="s">
        <v>403</v>
      </c>
      <c r="O65" s="90" t="s">
        <v>104</v>
      </c>
      <c r="P65" s="42" t="s">
        <v>89</v>
      </c>
      <c r="Q65" s="42" t="s">
        <v>401</v>
      </c>
      <c r="R65" s="91" t="s">
        <v>104</v>
      </c>
      <c r="S65" s="42" t="s">
        <v>402</v>
      </c>
      <c r="T65" s="91" t="s">
        <v>104</v>
      </c>
      <c r="U65" s="42" t="s">
        <v>403</v>
      </c>
      <c r="V65" s="91" t="s">
        <v>104</v>
      </c>
    </row>
    <row r="66" spans="1:22">
      <c r="A66" s="45" t="s">
        <v>436</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7</v>
      </c>
      <c r="B67" s="151">
        <v>7888</v>
      </c>
      <c r="C67" s="153">
        <v>0.316</v>
      </c>
      <c r="D67" s="97">
        <v>1.0467489084355273E-2</v>
      </c>
      <c r="E67" s="153">
        <v>0.40400000000000003</v>
      </c>
      <c r="F67" s="97">
        <v>1.1047364730406279E-2</v>
      </c>
      <c r="G67" s="153">
        <v>0.28100000000000003</v>
      </c>
      <c r="H67" s="97">
        <v>1.0120600826100718E-2</v>
      </c>
      <c r="I67" s="151">
        <v>7833</v>
      </c>
      <c r="J67" s="153">
        <v>0.79200000000000004</v>
      </c>
      <c r="K67" s="97">
        <v>9.1719990184560909E-3</v>
      </c>
      <c r="L67" s="153">
        <v>0.153</v>
      </c>
      <c r="M67" s="97">
        <v>8.1366999405030546E-3</v>
      </c>
      <c r="N67" s="153">
        <v>5.5E-2</v>
      </c>
      <c r="O67" s="97">
        <v>5.1605383290471638E-3</v>
      </c>
      <c r="P67" s="151">
        <v>7837</v>
      </c>
      <c r="Q67" s="153">
        <v>0.88200000000000001</v>
      </c>
      <c r="R67" s="97">
        <v>7.2917185617857117E-3</v>
      </c>
      <c r="S67" s="153">
        <v>0.08</v>
      </c>
      <c r="T67" s="97">
        <v>6.1349833936778777E-3</v>
      </c>
      <c r="U67" s="153">
        <v>3.7999999999999999E-2</v>
      </c>
      <c r="V67" s="97">
        <v>4.3312478023080133E-3</v>
      </c>
    </row>
    <row r="68" spans="1:22">
      <c r="A68" s="45" t="s">
        <v>438</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9</v>
      </c>
      <c r="B69" s="151">
        <v>3249</v>
      </c>
      <c r="C69" s="153">
        <v>0.29199999999999998</v>
      </c>
      <c r="D69" s="97">
        <v>1.5948053252581126E-2</v>
      </c>
      <c r="E69" s="153">
        <v>0.40300000000000002</v>
      </c>
      <c r="F69" s="97">
        <v>1.7200795134205037E-2</v>
      </c>
      <c r="G69" s="153">
        <v>0.30499999999999999</v>
      </c>
      <c r="H69" s="97">
        <v>1.6148269970441671E-2</v>
      </c>
      <c r="I69" s="151">
        <v>3231</v>
      </c>
      <c r="J69" s="153">
        <v>0.79800000000000004</v>
      </c>
      <c r="K69" s="97">
        <v>1.4127503830203088E-2</v>
      </c>
      <c r="L69" s="153">
        <v>0.14799999999999999</v>
      </c>
      <c r="M69" s="97">
        <v>1.2501732515328585E-2</v>
      </c>
      <c r="N69" s="153">
        <v>5.5E-2</v>
      </c>
      <c r="O69" s="97">
        <v>8.0542521784316892E-3</v>
      </c>
      <c r="P69" s="151">
        <v>3232</v>
      </c>
      <c r="Q69" s="153">
        <v>0.88200000000000001</v>
      </c>
      <c r="R69" s="97">
        <v>1.1361925911783935E-2</v>
      </c>
      <c r="S69" s="153">
        <v>8.5999999999999993E-2</v>
      </c>
      <c r="T69" s="97">
        <v>9.8835907530240123E-3</v>
      </c>
      <c r="U69" s="153">
        <v>3.2000000000000001E-2</v>
      </c>
      <c r="V69" s="97">
        <v>6.2416454744117977E-3</v>
      </c>
    </row>
    <row r="70" spans="1:22">
      <c r="A70" s="45" t="s">
        <v>440</v>
      </c>
      <c r="B70" s="83">
        <v>3016</v>
      </c>
      <c r="C70" s="98">
        <v>0.28799999999999998</v>
      </c>
      <c r="D70" s="94">
        <v>1.6484991291819392E-2</v>
      </c>
      <c r="E70" s="98">
        <v>0.40899999999999997</v>
      </c>
      <c r="F70" s="94">
        <v>1.7893760128000522E-2</v>
      </c>
      <c r="G70" s="98">
        <v>0.30399999999999999</v>
      </c>
      <c r="H70" s="94">
        <v>1.6744503767417335E-2</v>
      </c>
      <c r="I70" s="83">
        <v>3000</v>
      </c>
      <c r="J70" s="98">
        <v>0.80100000000000005</v>
      </c>
      <c r="K70" s="94">
        <v>1.4579782817400862E-2</v>
      </c>
      <c r="L70" s="98">
        <v>0.14000000000000001</v>
      </c>
      <c r="M70" s="94">
        <v>1.2679859682986773E-2</v>
      </c>
      <c r="N70" s="98">
        <v>5.8999999999999997E-2</v>
      </c>
      <c r="O70" s="94">
        <v>8.6380526089333293E-3</v>
      </c>
      <c r="P70" s="83">
        <v>3001</v>
      </c>
      <c r="Q70" s="98">
        <v>0.88200000000000001</v>
      </c>
      <c r="R70" s="94">
        <v>1.1792110769002767E-2</v>
      </c>
      <c r="S70" s="98">
        <v>8.5999999999999993E-2</v>
      </c>
      <c r="T70" s="94">
        <v>1.0258553790815099E-2</v>
      </c>
      <c r="U70" s="98">
        <v>3.2000000000000001E-2</v>
      </c>
      <c r="V70" s="94">
        <v>6.481377813955286E-3</v>
      </c>
    </row>
    <row r="71" spans="1:22">
      <c r="A71" s="49" t="s">
        <v>452</v>
      </c>
      <c r="B71" s="151">
        <v>521</v>
      </c>
      <c r="C71" s="153">
        <v>0.28100000000000003</v>
      </c>
      <c r="D71" s="97">
        <v>3.9305111763046026E-2</v>
      </c>
      <c r="E71" s="153">
        <v>0.42</v>
      </c>
      <c r="F71" s="97">
        <v>4.308990842326902E-2</v>
      </c>
      <c r="G71" s="153">
        <v>0.29899999999999999</v>
      </c>
      <c r="H71" s="97">
        <v>4.0020212894152557E-2</v>
      </c>
      <c r="I71" s="151">
        <v>518</v>
      </c>
      <c r="J71" s="153">
        <v>0.79400000000000004</v>
      </c>
      <c r="K71" s="97">
        <v>3.55454071717137E-2</v>
      </c>
      <c r="L71" s="153">
        <v>0.157</v>
      </c>
      <c r="M71" s="97">
        <v>3.206161950047471E-2</v>
      </c>
      <c r="N71" s="153">
        <v>4.9000000000000002E-2</v>
      </c>
      <c r="O71" s="97">
        <v>1.9516043737460253E-2</v>
      </c>
      <c r="P71" s="151">
        <v>516</v>
      </c>
      <c r="Q71" s="153">
        <v>0.86499999999999999</v>
      </c>
      <c r="R71" s="97">
        <v>3.0232017191218978E-2</v>
      </c>
      <c r="S71" s="153">
        <v>0.1</v>
      </c>
      <c r="T71" s="97">
        <v>2.6667766628808525E-2</v>
      </c>
      <c r="U71" s="153">
        <v>3.5000000000000003E-2</v>
      </c>
      <c r="V71" s="97">
        <v>1.6890767638164446E-2</v>
      </c>
    </row>
    <row r="72" spans="1:22">
      <c r="A72" s="45" t="s">
        <v>441</v>
      </c>
      <c r="B72" s="83">
        <v>136</v>
      </c>
      <c r="C72" s="98">
        <v>0.27400000000000002</v>
      </c>
      <c r="D72" s="94">
        <v>7.5932476371642382E-2</v>
      </c>
      <c r="E72" s="98">
        <v>0.41299999999999998</v>
      </c>
      <c r="F72" s="94">
        <v>8.3299345823225165E-2</v>
      </c>
      <c r="G72" s="98">
        <v>0.313</v>
      </c>
      <c r="H72" s="94">
        <v>7.8740202555888025E-2</v>
      </c>
      <c r="I72" s="83">
        <v>136</v>
      </c>
      <c r="J72" s="98">
        <v>0.77100000000000002</v>
      </c>
      <c r="K72" s="94">
        <v>7.1852165040388674E-2</v>
      </c>
      <c r="L72" s="98">
        <v>0.13600000000000001</v>
      </c>
      <c r="M72" s="94">
        <v>5.9753551000278279E-2</v>
      </c>
      <c r="N72" s="98">
        <v>9.2999999999999999E-2</v>
      </c>
      <c r="O72" s="94">
        <v>5.1735987328354431E-2</v>
      </c>
      <c r="P72" s="83">
        <v>136</v>
      </c>
      <c r="Q72" s="98">
        <v>0.89</v>
      </c>
      <c r="R72" s="94">
        <v>5.5153620605443592E-2</v>
      </c>
      <c r="S72" s="98">
        <v>8.1000000000000003E-2</v>
      </c>
      <c r="T72" s="94">
        <v>4.9085273334362085E-2</v>
      </c>
      <c r="U72" s="98">
        <v>2.9000000000000001E-2</v>
      </c>
      <c r="V72" s="94">
        <v>3.408163890993466E-2</v>
      </c>
    </row>
    <row r="73" spans="1:22">
      <c r="A73" s="49" t="s">
        <v>442</v>
      </c>
      <c r="B73" s="151">
        <v>92</v>
      </c>
      <c r="C73" s="153">
        <v>0.35499999999999998</v>
      </c>
      <c r="D73" s="97">
        <v>9.8041356409175232E-2</v>
      </c>
      <c r="E73" s="153">
        <v>0.25700000000000001</v>
      </c>
      <c r="F73" s="97">
        <v>9.0316396253901018E-2</v>
      </c>
      <c r="G73" s="153">
        <v>0.38800000000000001</v>
      </c>
      <c r="H73" s="97">
        <v>9.9682737463154314E-2</v>
      </c>
      <c r="I73" s="151">
        <v>92</v>
      </c>
      <c r="J73" s="153">
        <v>0.77900000000000003</v>
      </c>
      <c r="K73" s="97">
        <v>8.6243504435358304E-2</v>
      </c>
      <c r="L73" s="153">
        <v>0.221</v>
      </c>
      <c r="M73" s="97">
        <v>8.6243504435358304E-2</v>
      </c>
      <c r="N73" s="153">
        <v>0</v>
      </c>
      <c r="O73" s="97">
        <v>2.9154263235671291E-2</v>
      </c>
      <c r="P73" s="151">
        <v>91</v>
      </c>
      <c r="Q73" s="153">
        <v>0.84099999999999997</v>
      </c>
      <c r="R73" s="97">
        <v>7.7678130789276059E-2</v>
      </c>
      <c r="S73" s="153">
        <v>0.114</v>
      </c>
      <c r="T73" s="97">
        <v>6.9064998689855508E-2</v>
      </c>
      <c r="U73" s="153">
        <v>4.4999999999999998E-2</v>
      </c>
      <c r="V73" s="97">
        <v>5.0279915119376663E-2</v>
      </c>
    </row>
    <row r="74" spans="1:22">
      <c r="A74" s="45" t="s">
        <v>443</v>
      </c>
      <c r="B74" s="83">
        <v>107</v>
      </c>
      <c r="C74" s="98">
        <v>0.28999999999999998</v>
      </c>
      <c r="D74" s="94">
        <v>8.6788779591861057E-2</v>
      </c>
      <c r="E74" s="98">
        <v>0.496</v>
      </c>
      <c r="F74" s="94">
        <v>9.4912977188375255E-2</v>
      </c>
      <c r="G74" s="98">
        <v>0.215</v>
      </c>
      <c r="H74" s="94">
        <v>7.9304084759577301E-2</v>
      </c>
      <c r="I74" s="83">
        <v>106</v>
      </c>
      <c r="J74" s="98">
        <v>0.80800000000000005</v>
      </c>
      <c r="K74" s="94">
        <v>7.6730877985095647E-2</v>
      </c>
      <c r="L74" s="98">
        <v>0.16</v>
      </c>
      <c r="M74" s="94">
        <v>7.2023837776906879E-2</v>
      </c>
      <c r="N74" s="98">
        <v>3.2000000000000001E-2</v>
      </c>
      <c r="O74" s="94">
        <v>4.1171658243558971E-2</v>
      </c>
      <c r="P74" s="83">
        <v>106</v>
      </c>
      <c r="Q74" s="98">
        <v>0.86199999999999999</v>
      </c>
      <c r="R74" s="94">
        <v>6.8307644029841852E-2</v>
      </c>
      <c r="S74" s="98">
        <v>0.11700000000000001</v>
      </c>
      <c r="T74" s="94">
        <v>6.4324552638368351E-2</v>
      </c>
      <c r="U74" s="98">
        <v>2.1000000000000001E-2</v>
      </c>
      <c r="V74" s="94">
        <v>3.6651789054172039E-2</v>
      </c>
    </row>
    <row r="75" spans="1:22">
      <c r="A75" s="49" t="s">
        <v>444</v>
      </c>
      <c r="B75" s="151">
        <v>76</v>
      </c>
      <c r="C75" s="153">
        <v>0.17</v>
      </c>
      <c r="D75" s="97">
        <v>8.7097000522406057E-2</v>
      </c>
      <c r="E75" s="153">
        <v>0.373</v>
      </c>
      <c r="F75" s="97">
        <v>0.10849967223452797</v>
      </c>
      <c r="G75" s="153">
        <v>0.45800000000000002</v>
      </c>
      <c r="H75" s="97">
        <v>0.11144684607470955</v>
      </c>
      <c r="I75" s="151">
        <v>74</v>
      </c>
      <c r="J75" s="153">
        <v>0.78600000000000003</v>
      </c>
      <c r="K75" s="97">
        <v>9.5105399620826148E-2</v>
      </c>
      <c r="L75" s="153">
        <v>0.15</v>
      </c>
      <c r="M75" s="97">
        <v>8.4653727889228744E-2</v>
      </c>
      <c r="N75" s="153">
        <v>6.4000000000000001E-2</v>
      </c>
      <c r="O75" s="97">
        <v>6.36098290689944E-2</v>
      </c>
      <c r="P75" s="151">
        <v>74</v>
      </c>
      <c r="Q75" s="153">
        <v>0.84599999999999997</v>
      </c>
      <c r="R75" s="97">
        <v>8.5409339886063348E-2</v>
      </c>
      <c r="S75" s="153">
        <v>9.7000000000000003E-2</v>
      </c>
      <c r="T75" s="97">
        <v>7.2966877706019756E-2</v>
      </c>
      <c r="U75" s="153">
        <v>5.7000000000000002E-2</v>
      </c>
      <c r="V75" s="97">
        <v>6.1336815970028054E-2</v>
      </c>
    </row>
    <row r="76" spans="1:22">
      <c r="A76" s="45" t="s">
        <v>445</v>
      </c>
      <c r="B76" s="83">
        <v>110</v>
      </c>
      <c r="C76" s="98">
        <v>0.27600000000000002</v>
      </c>
      <c r="D76" s="94">
        <v>8.4455604183434202E-2</v>
      </c>
      <c r="E76" s="98">
        <v>0.51800000000000002</v>
      </c>
      <c r="F76" s="94">
        <v>9.3602057622858545E-2</v>
      </c>
      <c r="G76" s="98">
        <v>0.20599999999999999</v>
      </c>
      <c r="H76" s="94">
        <v>7.7124476442946635E-2</v>
      </c>
      <c r="I76" s="83">
        <v>110</v>
      </c>
      <c r="J76" s="98">
        <v>0.82199999999999995</v>
      </c>
      <c r="K76" s="94">
        <v>7.3380627450058883E-2</v>
      </c>
      <c r="L76" s="98">
        <v>0.115</v>
      </c>
      <c r="M76" s="94">
        <v>6.2686708478685335E-2</v>
      </c>
      <c r="N76" s="98">
        <v>6.3E-2</v>
      </c>
      <c r="O76" s="94">
        <v>5.0331261333751549E-2</v>
      </c>
      <c r="P76" s="83">
        <v>109</v>
      </c>
      <c r="Q76" s="98">
        <v>0.879</v>
      </c>
      <c r="R76" s="94">
        <v>6.417572313574707E-2</v>
      </c>
      <c r="S76" s="98">
        <v>8.2000000000000003E-2</v>
      </c>
      <c r="T76" s="94">
        <v>5.563054660796278E-2</v>
      </c>
      <c r="U76" s="98">
        <v>3.9E-2</v>
      </c>
      <c r="V76" s="94">
        <v>4.3009954940358114E-2</v>
      </c>
    </row>
    <row r="77" spans="1:22">
      <c r="A77" s="49" t="s">
        <v>453</v>
      </c>
      <c r="B77" s="151">
        <v>874</v>
      </c>
      <c r="C77" s="153">
        <v>0.29299999999999998</v>
      </c>
      <c r="D77" s="97">
        <v>3.0749227028260336E-2</v>
      </c>
      <c r="E77" s="153">
        <v>0.38900000000000001</v>
      </c>
      <c r="F77" s="97">
        <v>3.2913983880657437E-2</v>
      </c>
      <c r="G77" s="153">
        <v>0.318</v>
      </c>
      <c r="H77" s="97">
        <v>3.1455006425110649E-2</v>
      </c>
      <c r="I77" s="151">
        <v>867</v>
      </c>
      <c r="J77" s="153">
        <v>0.79200000000000004</v>
      </c>
      <c r="K77" s="97">
        <v>2.7570374487477508E-2</v>
      </c>
      <c r="L77" s="153">
        <v>0.14799999999999999</v>
      </c>
      <c r="M77" s="97">
        <v>2.4172307775231078E-2</v>
      </c>
      <c r="N77" s="153">
        <v>6.0999999999999999E-2</v>
      </c>
      <c r="O77" s="97">
        <v>1.6466930708061784E-2</v>
      </c>
      <c r="P77" s="151">
        <v>867</v>
      </c>
      <c r="Q77" s="153">
        <v>0.875</v>
      </c>
      <c r="R77" s="97">
        <v>2.2543607747731016E-2</v>
      </c>
      <c r="S77" s="153">
        <v>0.109</v>
      </c>
      <c r="T77" s="97">
        <v>2.1270761611824472E-2</v>
      </c>
      <c r="U77" s="153">
        <v>1.6E-2</v>
      </c>
      <c r="V77" s="97">
        <v>9.0642975621897763E-3</v>
      </c>
    </row>
    <row r="78" spans="1:22">
      <c r="A78" s="45" t="s">
        <v>446</v>
      </c>
      <c r="B78" s="83">
        <v>101</v>
      </c>
      <c r="C78" s="98">
        <v>0.32900000000000001</v>
      </c>
      <c r="D78" s="94">
        <v>9.2158135272950095E-2</v>
      </c>
      <c r="E78" s="98">
        <v>0.35</v>
      </c>
      <c r="F78" s="94">
        <v>9.3438369329594789E-2</v>
      </c>
      <c r="G78" s="98">
        <v>0.32100000000000001</v>
      </c>
      <c r="H78" s="94">
        <v>9.1621107910513866E-2</v>
      </c>
      <c r="I78" s="83">
        <v>100</v>
      </c>
      <c r="J78" s="98">
        <v>0.85899999999999999</v>
      </c>
      <c r="K78" s="94">
        <v>7.0939375718355208E-2</v>
      </c>
      <c r="L78" s="98">
        <v>0.125</v>
      </c>
      <c r="M78" s="94">
        <v>6.7932172774472027E-2</v>
      </c>
      <c r="N78" s="98">
        <v>1.6E-2</v>
      </c>
      <c r="O78" s="94">
        <v>3.5850737447255691E-2</v>
      </c>
      <c r="P78" s="83">
        <v>99</v>
      </c>
      <c r="Q78" s="98">
        <v>0.86899999999999999</v>
      </c>
      <c r="R78" s="94">
        <v>6.9452577931129938E-2</v>
      </c>
      <c r="S78" s="98">
        <v>0.11600000000000001</v>
      </c>
      <c r="T78" s="94">
        <v>6.6471252835475184E-2</v>
      </c>
      <c r="U78" s="98">
        <v>1.4999999999999999E-2</v>
      </c>
      <c r="V78" s="94">
        <v>3.5630328259694491E-2</v>
      </c>
    </row>
    <row r="79" spans="1:22">
      <c r="A79" s="49" t="s">
        <v>447</v>
      </c>
      <c r="B79" s="151">
        <v>176</v>
      </c>
      <c r="C79" s="153">
        <v>0.27300000000000002</v>
      </c>
      <c r="D79" s="97">
        <v>6.6789175995653122E-2</v>
      </c>
      <c r="E79" s="153">
        <v>0.378</v>
      </c>
      <c r="F79" s="97">
        <v>7.2383264024474356E-2</v>
      </c>
      <c r="G79" s="153">
        <v>0.34899999999999998</v>
      </c>
      <c r="H79" s="97">
        <v>7.1211908808177946E-2</v>
      </c>
      <c r="I79" s="151">
        <v>174</v>
      </c>
      <c r="J79" s="153">
        <v>0.80500000000000005</v>
      </c>
      <c r="K79" s="97">
        <v>6.0169969456295776E-2</v>
      </c>
      <c r="L79" s="153">
        <v>0.13200000000000001</v>
      </c>
      <c r="M79" s="97">
        <v>5.2057462758788857E-2</v>
      </c>
      <c r="N79" s="153">
        <v>6.3E-2</v>
      </c>
      <c r="O79" s="97">
        <v>3.8951839924511088E-2</v>
      </c>
      <c r="P79" s="151">
        <v>174</v>
      </c>
      <c r="Q79" s="153">
        <v>0.90400000000000003</v>
      </c>
      <c r="R79" s="97">
        <v>4.596948881751043E-2</v>
      </c>
      <c r="S79" s="153">
        <v>5.8999999999999997E-2</v>
      </c>
      <c r="T79" s="97">
        <v>3.797145846350846E-2</v>
      </c>
      <c r="U79" s="153">
        <v>3.6999999999999998E-2</v>
      </c>
      <c r="V79" s="97">
        <v>3.1855470062581534E-2</v>
      </c>
    </row>
    <row r="80" spans="1:22">
      <c r="A80" s="57" t="s">
        <v>448</v>
      </c>
      <c r="B80" s="83">
        <v>220</v>
      </c>
      <c r="C80" s="98">
        <v>0.27600000000000002</v>
      </c>
      <c r="D80" s="94">
        <v>0.06</v>
      </c>
      <c r="E80" s="98">
        <v>0.40500000000000003</v>
      </c>
      <c r="F80" s="94">
        <v>6.564167387614385E-2</v>
      </c>
      <c r="G80" s="98">
        <v>0.31900000000000001</v>
      </c>
      <c r="H80" s="94">
        <v>6.2449778246037257E-2</v>
      </c>
      <c r="I80" s="83">
        <v>218</v>
      </c>
      <c r="J80" s="98">
        <v>0.79200000000000004</v>
      </c>
      <c r="K80" s="94">
        <v>5.4982535426435462E-2</v>
      </c>
      <c r="L80" s="98">
        <v>0.112</v>
      </c>
      <c r="M80" s="94">
        <v>4.3461100978573725E-2</v>
      </c>
      <c r="N80" s="98">
        <v>9.7000000000000003E-2</v>
      </c>
      <c r="O80" s="94">
        <v>4.1020946234045327E-2</v>
      </c>
      <c r="P80" s="83">
        <v>218</v>
      </c>
      <c r="Q80" s="98">
        <v>0.86399999999999999</v>
      </c>
      <c r="R80" s="94">
        <v>4.6930198491538663E-2</v>
      </c>
      <c r="S80" s="98">
        <v>0.126</v>
      </c>
      <c r="T80" s="94">
        <v>4.5543596770445852E-2</v>
      </c>
      <c r="U80" s="98">
        <v>0.01</v>
      </c>
      <c r="V80" s="94">
        <v>1.8244734663751445E-2</v>
      </c>
    </row>
    <row r="81" spans="1:22">
      <c r="A81" s="49" t="s">
        <v>449</v>
      </c>
      <c r="B81" s="151">
        <v>112</v>
      </c>
      <c r="C81" s="153">
        <v>0.38</v>
      </c>
      <c r="D81" s="97">
        <v>9.0320498489627588E-2</v>
      </c>
      <c r="E81" s="153">
        <v>0.36199999999999999</v>
      </c>
      <c r="F81" s="97">
        <v>8.9490268174327162E-2</v>
      </c>
      <c r="G81" s="153">
        <v>0.25800000000000001</v>
      </c>
      <c r="H81" s="97">
        <v>8.2086006284468577E-2</v>
      </c>
      <c r="I81" s="151">
        <v>110</v>
      </c>
      <c r="J81" s="153">
        <v>0.749</v>
      </c>
      <c r="K81" s="97">
        <v>8.2136731308964372E-2</v>
      </c>
      <c r="L81" s="153">
        <v>0.25</v>
      </c>
      <c r="M81" s="97">
        <v>8.20374365034056E-2</v>
      </c>
      <c r="N81" s="153">
        <v>0</v>
      </c>
      <c r="O81" s="97">
        <v>2.4592162949139032E-2</v>
      </c>
      <c r="P81" s="151">
        <v>112</v>
      </c>
      <c r="Q81" s="153">
        <v>0.89600000000000002</v>
      </c>
      <c r="R81" s="97">
        <v>5.983092062380619E-2</v>
      </c>
      <c r="S81" s="153">
        <v>9.6000000000000002E-2</v>
      </c>
      <c r="T81" s="97">
        <v>5.808620292595728E-2</v>
      </c>
      <c r="U81" s="153">
        <v>8.0000000000000002E-3</v>
      </c>
      <c r="V81" s="97">
        <v>2.8972186537561007E-2</v>
      </c>
    </row>
    <row r="82" spans="1:22">
      <c r="A82" s="57" t="s">
        <v>450</v>
      </c>
      <c r="B82" s="83">
        <v>113</v>
      </c>
      <c r="C82" s="98">
        <v>0.29899999999999999</v>
      </c>
      <c r="D82" s="94">
        <v>8.5197455917576576E-2</v>
      </c>
      <c r="E82" s="98">
        <v>0.33700000000000002</v>
      </c>
      <c r="F82" s="94">
        <v>8.774801321683405E-2</v>
      </c>
      <c r="G82" s="98">
        <v>0.36399999999999999</v>
      </c>
      <c r="H82" s="94">
        <v>8.9202940665731534E-2</v>
      </c>
      <c r="I82" s="83">
        <v>114</v>
      </c>
      <c r="J82" s="98">
        <v>0.82599999999999996</v>
      </c>
      <c r="K82" s="94">
        <v>7.1498970316833915E-2</v>
      </c>
      <c r="L82" s="98">
        <v>0.13800000000000001</v>
      </c>
      <c r="M82" s="94">
        <v>6.5791080990083253E-2</v>
      </c>
      <c r="N82" s="98">
        <v>3.5999999999999997E-2</v>
      </c>
      <c r="O82" s="94">
        <v>4.0777587482801421E-2</v>
      </c>
      <c r="P82" s="83">
        <v>113</v>
      </c>
      <c r="Q82" s="98">
        <v>0.81</v>
      </c>
      <c r="R82" s="94">
        <v>7.4042865018040777E-2</v>
      </c>
      <c r="S82" s="98">
        <v>0.19</v>
      </c>
      <c r="T82" s="94">
        <v>7.4042865018040777E-2</v>
      </c>
      <c r="U82" s="98">
        <v>0</v>
      </c>
      <c r="V82" s="94">
        <v>2.3967079753657358E-2</v>
      </c>
    </row>
    <row r="83" spans="1:22">
      <c r="A83" s="49" t="s">
        <v>451</v>
      </c>
      <c r="B83" s="151">
        <v>152</v>
      </c>
      <c r="C83" s="153">
        <v>0.27100000000000002</v>
      </c>
      <c r="D83" s="97">
        <v>7.1649754249451622E-2</v>
      </c>
      <c r="E83" s="153">
        <v>0.46100000000000002</v>
      </c>
      <c r="F83" s="97">
        <v>7.9832516991704391E-2</v>
      </c>
      <c r="G83" s="153">
        <v>0.26800000000000002</v>
      </c>
      <c r="H83" s="97">
        <v>7.141443111415402E-2</v>
      </c>
      <c r="I83" s="151">
        <v>151</v>
      </c>
      <c r="J83" s="153">
        <v>0.74</v>
      </c>
      <c r="K83" s="97">
        <v>7.0999235467793451E-2</v>
      </c>
      <c r="L83" s="153">
        <v>0.184</v>
      </c>
      <c r="M83" s="97">
        <v>6.3292736508332198E-2</v>
      </c>
      <c r="N83" s="153">
        <v>7.5999999999999998E-2</v>
      </c>
      <c r="O83" s="97">
        <v>4.5261401440304196E-2</v>
      </c>
      <c r="P83" s="151">
        <v>151</v>
      </c>
      <c r="Q83" s="153">
        <v>0.89800000000000002</v>
      </c>
      <c r="R83" s="97">
        <v>5.0715194018825245E-2</v>
      </c>
      <c r="S83" s="153">
        <v>8.6999999999999994E-2</v>
      </c>
      <c r="T83" s="97">
        <v>4.7687414164594995E-2</v>
      </c>
      <c r="U83" s="153">
        <v>1.6E-2</v>
      </c>
      <c r="V83" s="97">
        <v>2.6726149620656205E-2</v>
      </c>
    </row>
    <row r="84" spans="1:22">
      <c r="A84" s="57" t="s">
        <v>457</v>
      </c>
      <c r="B84" s="83">
        <v>57</v>
      </c>
      <c r="C84" s="98">
        <v>0.442</v>
      </c>
      <c r="D84" s="94">
        <v>0.12728249603406352</v>
      </c>
      <c r="E84" s="98">
        <v>0.442</v>
      </c>
      <c r="F84" s="94">
        <v>0.12728249603406352</v>
      </c>
      <c r="G84" s="98">
        <v>0.11600000000000001</v>
      </c>
      <c r="H84" s="94">
        <v>8.9166796323903966E-2</v>
      </c>
      <c r="I84" s="83">
        <v>57</v>
      </c>
      <c r="J84" s="98">
        <v>0.90800000000000003</v>
      </c>
      <c r="K84" s="94">
        <v>8.2839589206382444E-2</v>
      </c>
      <c r="L84" s="98">
        <v>7.0999999999999994E-2</v>
      </c>
      <c r="M84" s="94">
        <v>7.6524575770993863E-2</v>
      </c>
      <c r="N84" s="98">
        <v>2.1000000000000001E-2</v>
      </c>
      <c r="O84" s="94">
        <v>5.706656748512786E-2</v>
      </c>
      <c r="P84" s="83">
        <v>57</v>
      </c>
      <c r="Q84" s="98">
        <v>0.82199999999999995</v>
      </c>
      <c r="R84" s="94">
        <v>0.10225909516604235</v>
      </c>
      <c r="S84" s="98">
        <v>0.16800000000000001</v>
      </c>
      <c r="T84" s="94">
        <v>0.10041149834360553</v>
      </c>
      <c r="U84" s="98">
        <v>0.01</v>
      </c>
      <c r="V84" s="94">
        <v>5.1442225398579532E-2</v>
      </c>
    </row>
    <row r="85" spans="1:22">
      <c r="A85" s="49" t="s">
        <v>460</v>
      </c>
      <c r="B85" s="151">
        <v>54</v>
      </c>
      <c r="C85" s="153">
        <v>0.42299999999999999</v>
      </c>
      <c r="D85" s="97">
        <v>0.12994974979510757</v>
      </c>
      <c r="E85" s="153">
        <v>0.374</v>
      </c>
      <c r="F85" s="97">
        <v>0.12764127615730084</v>
      </c>
      <c r="G85" s="153">
        <v>0.20300000000000001</v>
      </c>
      <c r="H85" s="97">
        <v>0.10939905289257063</v>
      </c>
      <c r="I85" s="151">
        <v>53</v>
      </c>
      <c r="J85" s="153">
        <v>0.72599999999999998</v>
      </c>
      <c r="K85" s="97">
        <v>0.12018729037316227</v>
      </c>
      <c r="L85" s="153">
        <v>0.27400000000000002</v>
      </c>
      <c r="M85" s="97">
        <v>0.12018729037316227</v>
      </c>
      <c r="N85" s="153">
        <v>0</v>
      </c>
      <c r="O85" s="97">
        <v>4.8743201957104715E-2</v>
      </c>
      <c r="P85" s="151">
        <v>53</v>
      </c>
      <c r="Q85" s="153">
        <v>0.91800000000000004</v>
      </c>
      <c r="R85" s="97">
        <v>8.332486506680678E-2</v>
      </c>
      <c r="S85" s="153">
        <v>8.2000000000000003E-2</v>
      </c>
      <c r="T85" s="97">
        <v>8.3324865066806808E-2</v>
      </c>
      <c r="U85" s="153">
        <v>0</v>
      </c>
      <c r="V85" s="97">
        <v>4.8743201957104715E-2</v>
      </c>
    </row>
    <row r="86" spans="1:22">
      <c r="A86" s="57" t="s">
        <v>458</v>
      </c>
      <c r="B86" s="83">
        <v>72</v>
      </c>
      <c r="C86" s="98">
        <v>0.33</v>
      </c>
      <c r="D86" s="94">
        <v>0.10859438045495043</v>
      </c>
      <c r="E86" s="98">
        <v>0.246</v>
      </c>
      <c r="F86" s="94">
        <v>0.10055018208083606</v>
      </c>
      <c r="G86" s="98">
        <v>0.42399999999999999</v>
      </c>
      <c r="H86" s="94">
        <v>0.11351234572318092</v>
      </c>
      <c r="I86" s="83">
        <v>71</v>
      </c>
      <c r="J86" s="98">
        <v>0.84099999999999997</v>
      </c>
      <c r="K86" s="94">
        <v>8.8179075922344072E-2</v>
      </c>
      <c r="L86" s="98">
        <v>0.12</v>
      </c>
      <c r="M86" s="94">
        <v>8.0197066908589243E-2</v>
      </c>
      <c r="N86" s="98">
        <v>3.7999999999999999E-2</v>
      </c>
      <c r="O86" s="94">
        <v>5.5960095496701931E-2</v>
      </c>
      <c r="P86" s="83">
        <v>71</v>
      </c>
      <c r="Q86" s="98">
        <v>0.878</v>
      </c>
      <c r="R86" s="94">
        <v>8.0647557317834101E-2</v>
      </c>
      <c r="S86" s="98">
        <v>1.6E-2</v>
      </c>
      <c r="T86" s="94">
        <v>4.6225521660017435E-2</v>
      </c>
      <c r="U86" s="98">
        <v>0.106</v>
      </c>
      <c r="V86" s="94">
        <v>7.6900263194656288E-2</v>
      </c>
    </row>
    <row r="89" spans="1:22" s="250" customFormat="1">
      <c r="A89" s="243"/>
      <c r="B89" s="251"/>
      <c r="C89" s="252"/>
      <c r="D89" s="249"/>
      <c r="E89" s="253"/>
      <c r="F89" s="249"/>
      <c r="G89" s="253"/>
      <c r="H89" s="249"/>
      <c r="I89" s="251"/>
      <c r="J89" s="253"/>
      <c r="K89" s="249"/>
      <c r="L89" s="253"/>
      <c r="M89" s="249"/>
      <c r="N89" s="253"/>
      <c r="O89" s="249"/>
    </row>
    <row r="90" spans="1:22" ht="18.75">
      <c r="A90" s="321" t="s">
        <v>230</v>
      </c>
      <c r="B90" s="321"/>
      <c r="C90" s="321"/>
      <c r="D90" s="321"/>
      <c r="E90" s="321"/>
      <c r="F90" s="321"/>
      <c r="G90" s="321"/>
      <c r="H90" s="321"/>
      <c r="I90" s="321"/>
      <c r="J90" s="231"/>
      <c r="K90" s="231"/>
    </row>
    <row r="91" spans="1:22" ht="84.75" customHeight="1">
      <c r="A91" s="370" t="s">
        <v>489</v>
      </c>
      <c r="B91" s="370"/>
      <c r="C91" s="370"/>
      <c r="D91" s="370"/>
      <c r="E91" s="370"/>
      <c r="F91" s="370"/>
      <c r="G91" s="370"/>
      <c r="H91" s="370"/>
      <c r="I91" s="370"/>
      <c r="J91" s="231"/>
      <c r="K91" s="231"/>
    </row>
    <row r="92" spans="1:22" ht="24" customHeight="1">
      <c r="A92" s="372" t="s">
        <v>230</v>
      </c>
      <c r="B92" s="372"/>
      <c r="C92" s="372"/>
      <c r="D92" s="372"/>
      <c r="E92" s="374" t="s">
        <v>231</v>
      </c>
      <c r="F92" s="375"/>
      <c r="G92" s="375"/>
      <c r="H92" s="375"/>
      <c r="I92" s="376"/>
    </row>
    <row r="93" spans="1:22" ht="45" customHeight="1">
      <c r="A93" s="37" t="s">
        <v>85</v>
      </c>
      <c r="B93" s="38" t="s">
        <v>86</v>
      </c>
      <c r="C93" s="39" t="s">
        <v>87</v>
      </c>
      <c r="D93" s="40" t="s">
        <v>88</v>
      </c>
      <c r="E93" s="38" t="s">
        <v>86</v>
      </c>
      <c r="F93" s="38" t="s">
        <v>236</v>
      </c>
      <c r="G93" s="89" t="s">
        <v>233</v>
      </c>
      <c r="H93" s="38" t="s">
        <v>237</v>
      </c>
      <c r="I93" s="89" t="s">
        <v>235</v>
      </c>
    </row>
    <row r="94" spans="1:22" ht="84">
      <c r="A94" s="41"/>
      <c r="B94" s="42" t="s">
        <v>89</v>
      </c>
      <c r="C94" s="43" t="s">
        <v>344</v>
      </c>
      <c r="D94" s="44" t="s">
        <v>91</v>
      </c>
      <c r="E94" s="42" t="s">
        <v>89</v>
      </c>
      <c r="F94" s="42" t="s">
        <v>232</v>
      </c>
      <c r="G94" s="91" t="s">
        <v>104</v>
      </c>
      <c r="H94" s="42" t="s">
        <v>234</v>
      </c>
      <c r="I94" s="91" t="s">
        <v>104</v>
      </c>
    </row>
    <row r="95" spans="1:22">
      <c r="A95" s="45" t="s">
        <v>436</v>
      </c>
      <c r="B95" s="145">
        <v>9248</v>
      </c>
      <c r="C95" s="84">
        <v>11.39</v>
      </c>
      <c r="D95" s="85">
        <v>9.8000000000000004E-2</v>
      </c>
      <c r="E95" s="83">
        <v>9248</v>
      </c>
      <c r="F95" s="98">
        <v>0.90700000000000003</v>
      </c>
      <c r="G95" s="94">
        <v>6.0440164559000106E-3</v>
      </c>
      <c r="H95" s="98">
        <v>9.2999999999999999E-2</v>
      </c>
      <c r="I95" s="94">
        <v>6.0440164559000097E-3</v>
      </c>
    </row>
    <row r="96" spans="1:22">
      <c r="A96" s="49" t="s">
        <v>437</v>
      </c>
      <c r="B96" s="49">
        <v>8621</v>
      </c>
      <c r="C96" s="147">
        <v>11.39166</v>
      </c>
      <c r="D96" s="148">
        <v>0.101354736</v>
      </c>
      <c r="E96" s="125">
        <v>8621</v>
      </c>
      <c r="F96" s="149">
        <v>0.90700000000000003</v>
      </c>
      <c r="G96" s="97">
        <v>6.2602351142158766E-3</v>
      </c>
      <c r="H96" s="149">
        <v>9.2899999999999996E-2</v>
      </c>
      <c r="I96" s="97">
        <v>6.2572216945133638E-3</v>
      </c>
    </row>
    <row r="97" spans="1:9">
      <c r="A97" s="45" t="s">
        <v>438</v>
      </c>
      <c r="B97" s="53">
        <v>824</v>
      </c>
      <c r="C97" s="84">
        <v>12.37</v>
      </c>
      <c r="D97" s="85">
        <v>0.3332</v>
      </c>
      <c r="E97" s="83">
        <v>824</v>
      </c>
      <c r="F97" s="98">
        <v>0.87990000000000002</v>
      </c>
      <c r="G97" s="94">
        <v>2.2742738574537093E-2</v>
      </c>
      <c r="H97" s="98">
        <v>0.1201</v>
      </c>
      <c r="I97" s="94">
        <v>2.2742738574537097E-2</v>
      </c>
    </row>
    <row r="98" spans="1:9">
      <c r="A98" s="49" t="s">
        <v>439</v>
      </c>
      <c r="B98" s="49">
        <v>3523</v>
      </c>
      <c r="C98" s="147">
        <v>11.17</v>
      </c>
      <c r="D98" s="148">
        <v>0.13720000000000002</v>
      </c>
      <c r="E98" s="125">
        <v>3523</v>
      </c>
      <c r="F98" s="149">
        <v>0.91800000000000004</v>
      </c>
      <c r="G98" s="97">
        <v>9.2639269573028885E-3</v>
      </c>
      <c r="H98" s="149">
        <v>8.2000000000000003E-2</v>
      </c>
      <c r="I98" s="97">
        <v>9.2639269573028919E-3</v>
      </c>
    </row>
    <row r="99" spans="1:9">
      <c r="A99" s="45" t="s">
        <v>440</v>
      </c>
      <c r="B99" s="53">
        <v>3269</v>
      </c>
      <c r="C99" s="84">
        <v>11.19</v>
      </c>
      <c r="D99" s="85">
        <v>0.15679999999999999</v>
      </c>
      <c r="E99" s="83">
        <v>3269</v>
      </c>
      <c r="F99" s="98">
        <v>0.91500000000000004</v>
      </c>
      <c r="G99" s="94">
        <v>9.7757128188066984E-3</v>
      </c>
      <c r="H99" s="98">
        <v>8.5000000000000006E-2</v>
      </c>
      <c r="I99" s="94">
        <v>9.7757128188067036E-3</v>
      </c>
    </row>
    <row r="100" spans="1:9">
      <c r="A100" s="49" t="s">
        <v>452</v>
      </c>
      <c r="B100" s="49">
        <v>568</v>
      </c>
      <c r="C100" s="147">
        <v>11.31</v>
      </c>
      <c r="D100" s="148">
        <v>0.3528</v>
      </c>
      <c r="E100" s="125">
        <v>568</v>
      </c>
      <c r="F100" s="149">
        <v>0.91900000000000004</v>
      </c>
      <c r="G100" s="97">
        <v>2.3187561967813963E-2</v>
      </c>
      <c r="H100" s="149">
        <v>8.1000000000000003E-2</v>
      </c>
      <c r="I100" s="97">
        <v>2.3187561967813981E-2</v>
      </c>
    </row>
    <row r="101" spans="1:9">
      <c r="A101" s="45" t="s">
        <v>441</v>
      </c>
      <c r="B101" s="53">
        <v>147</v>
      </c>
      <c r="C101" s="84">
        <v>10.64</v>
      </c>
      <c r="D101" s="85">
        <v>0.68599999999999994</v>
      </c>
      <c r="E101" s="83">
        <v>147</v>
      </c>
      <c r="F101" s="98">
        <v>0.90800000000000003</v>
      </c>
      <c r="G101" s="94">
        <v>4.943079262552328E-2</v>
      </c>
      <c r="H101" s="98">
        <v>9.1999999999999998E-2</v>
      </c>
      <c r="I101" s="94">
        <v>4.9430792625523287E-2</v>
      </c>
    </row>
    <row r="102" spans="1:9">
      <c r="A102" s="49" t="s">
        <v>442</v>
      </c>
      <c r="B102" s="49">
        <v>107</v>
      </c>
      <c r="C102" s="147">
        <v>11.84</v>
      </c>
      <c r="D102" s="148">
        <v>0.84279999999999999</v>
      </c>
      <c r="E102" s="125">
        <v>107</v>
      </c>
      <c r="F102" s="149">
        <v>0.89300000000000002</v>
      </c>
      <c r="G102" s="97">
        <v>6.1945018522270204E-2</v>
      </c>
      <c r="H102" s="149">
        <v>0.107</v>
      </c>
      <c r="I102" s="97">
        <v>6.1945018522270211E-2</v>
      </c>
    </row>
    <row r="103" spans="1:9">
      <c r="A103" s="45" t="s">
        <v>443</v>
      </c>
      <c r="B103" s="53">
        <v>116</v>
      </c>
      <c r="C103" s="84">
        <v>12.09</v>
      </c>
      <c r="D103" s="85">
        <v>0.76439999999999997</v>
      </c>
      <c r="E103" s="83">
        <v>116</v>
      </c>
      <c r="F103" s="98">
        <v>0.94499999999999995</v>
      </c>
      <c r="G103" s="94">
        <v>4.6531938454101598E-2</v>
      </c>
      <c r="H103" s="98">
        <v>5.5E-2</v>
      </c>
      <c r="I103" s="94">
        <v>4.6531938454101571E-2</v>
      </c>
    </row>
    <row r="104" spans="1:9">
      <c r="A104" s="49" t="s">
        <v>444</v>
      </c>
      <c r="B104" s="49">
        <v>80</v>
      </c>
      <c r="C104" s="147">
        <v>10.17</v>
      </c>
      <c r="D104" s="148">
        <v>0.80359999999999998</v>
      </c>
      <c r="E104" s="125">
        <v>80</v>
      </c>
      <c r="F104" s="149">
        <v>0.96199999999999997</v>
      </c>
      <c r="G104" s="97">
        <v>5.1823877563477318E-2</v>
      </c>
      <c r="H104" s="149">
        <v>3.7999999999999999E-2</v>
      </c>
      <c r="I104" s="97">
        <v>5.182387756347729E-2</v>
      </c>
    </row>
    <row r="105" spans="1:9">
      <c r="A105" s="45" t="s">
        <v>445</v>
      </c>
      <c r="B105" s="145">
        <v>118</v>
      </c>
      <c r="C105" s="84">
        <v>11.17</v>
      </c>
      <c r="D105" s="85">
        <v>0.78400000000000003</v>
      </c>
      <c r="E105" s="83">
        <v>118</v>
      </c>
      <c r="F105" s="98">
        <v>0.89500000000000002</v>
      </c>
      <c r="G105" s="94">
        <v>5.8404587684952429E-2</v>
      </c>
      <c r="H105" s="98">
        <v>0.105</v>
      </c>
      <c r="I105" s="94">
        <v>5.8404587684952422E-2</v>
      </c>
    </row>
    <row r="106" spans="1:9">
      <c r="A106" s="49" t="s">
        <v>453</v>
      </c>
      <c r="B106" s="146">
        <v>944</v>
      </c>
      <c r="C106" s="147">
        <v>11.06</v>
      </c>
      <c r="D106" s="148">
        <v>0.27440000000000003</v>
      </c>
      <c r="E106" s="125">
        <v>944</v>
      </c>
      <c r="F106" s="149">
        <v>0.92900000000000005</v>
      </c>
      <c r="G106" s="97">
        <v>1.6877420070173937E-2</v>
      </c>
      <c r="H106" s="149">
        <v>7.0999999999999994E-2</v>
      </c>
      <c r="I106" s="97">
        <v>1.6877420070173937E-2</v>
      </c>
    </row>
    <row r="107" spans="1:9">
      <c r="A107" s="45" t="s">
        <v>446</v>
      </c>
      <c r="B107" s="83">
        <v>103</v>
      </c>
      <c r="C107" s="84">
        <v>10.59</v>
      </c>
      <c r="D107" s="85">
        <v>0.88200000000000001</v>
      </c>
      <c r="E107" s="83">
        <v>103</v>
      </c>
      <c r="F107" s="98">
        <v>0.88</v>
      </c>
      <c r="G107" s="94">
        <v>6.5906890538875204E-2</v>
      </c>
      <c r="H107" s="98">
        <v>0.12</v>
      </c>
      <c r="I107" s="94">
        <v>6.5906890538875218E-2</v>
      </c>
    </row>
    <row r="108" spans="1:9">
      <c r="A108" s="49" t="s">
        <v>447</v>
      </c>
      <c r="B108" s="146">
        <v>194</v>
      </c>
      <c r="C108" s="147">
        <v>10.69</v>
      </c>
      <c r="D108" s="148">
        <v>0.58799999999999997</v>
      </c>
      <c r="E108" s="125">
        <v>194</v>
      </c>
      <c r="F108" s="149">
        <v>0.95699999999999996</v>
      </c>
      <c r="G108" s="97">
        <v>3.162408864565476E-2</v>
      </c>
      <c r="H108" s="149">
        <v>4.2999999999999997E-2</v>
      </c>
      <c r="I108" s="97">
        <v>3.162408864565474E-2</v>
      </c>
    </row>
    <row r="109" spans="1:9">
      <c r="A109" s="57" t="s">
        <v>448</v>
      </c>
      <c r="B109" s="145">
        <v>235</v>
      </c>
      <c r="C109" s="84">
        <v>11.43</v>
      </c>
      <c r="D109" s="85">
        <v>0.49</v>
      </c>
      <c r="E109" s="83">
        <v>235</v>
      </c>
      <c r="F109" s="98">
        <v>0.93300000000000005</v>
      </c>
      <c r="G109" s="94">
        <v>3.3917020429208682E-2</v>
      </c>
      <c r="H109" s="98">
        <v>6.7000000000000004E-2</v>
      </c>
      <c r="I109" s="94">
        <v>3.3917020429208702E-2</v>
      </c>
    </row>
    <row r="110" spans="1:9">
      <c r="A110" s="49" t="s">
        <v>449</v>
      </c>
      <c r="B110" s="146">
        <v>123</v>
      </c>
      <c r="C110" s="147">
        <v>10.9</v>
      </c>
      <c r="D110" s="148">
        <v>0.76439999999999997</v>
      </c>
      <c r="E110" s="125">
        <v>123</v>
      </c>
      <c r="F110" s="149">
        <v>0.86599999999999999</v>
      </c>
      <c r="G110" s="97">
        <v>6.2582050358747379E-2</v>
      </c>
      <c r="H110" s="149">
        <v>0.13400000000000001</v>
      </c>
      <c r="I110" s="97">
        <v>6.2582050358747393E-2</v>
      </c>
    </row>
    <row r="111" spans="1:9">
      <c r="A111" s="57" t="s">
        <v>450</v>
      </c>
      <c r="B111" s="145">
        <v>123</v>
      </c>
      <c r="C111" s="84">
        <v>10.91</v>
      </c>
      <c r="D111" s="85">
        <v>0.80359999999999998</v>
      </c>
      <c r="E111" s="83">
        <v>123</v>
      </c>
      <c r="F111" s="98">
        <v>0.96499999999999997</v>
      </c>
      <c r="G111" s="94">
        <v>3.854886532311072E-2</v>
      </c>
      <c r="H111" s="98">
        <v>3.5000000000000003E-2</v>
      </c>
      <c r="I111" s="94">
        <v>3.8548865323110706E-2</v>
      </c>
    </row>
    <row r="112" spans="1:9">
      <c r="A112" s="49" t="s">
        <v>451</v>
      </c>
      <c r="B112" s="146">
        <v>166</v>
      </c>
      <c r="C112" s="147">
        <v>11.47</v>
      </c>
      <c r="D112" s="148">
        <v>0.66639999999999999</v>
      </c>
      <c r="E112" s="125">
        <v>166</v>
      </c>
      <c r="F112" s="149">
        <v>0.90600000000000003</v>
      </c>
      <c r="G112" s="97">
        <v>4.6735735049235123E-2</v>
      </c>
      <c r="H112" s="149">
        <v>9.4E-2</v>
      </c>
      <c r="I112" s="97">
        <v>4.6735735049235137E-2</v>
      </c>
    </row>
    <row r="113" spans="1:9">
      <c r="A113" s="57" t="s">
        <v>457</v>
      </c>
      <c r="B113" s="145">
        <v>61</v>
      </c>
      <c r="C113" s="84">
        <v>12.31</v>
      </c>
      <c r="D113" s="85">
        <v>1.2544</v>
      </c>
      <c r="E113" s="83">
        <v>61</v>
      </c>
      <c r="F113" s="98">
        <v>0.99</v>
      </c>
      <c r="G113" s="94">
        <v>4.8700980746971448E-2</v>
      </c>
      <c r="H113" s="98">
        <v>0.01</v>
      </c>
      <c r="I113" s="94">
        <v>4.8700980746971476E-2</v>
      </c>
    </row>
    <row r="114" spans="1:9">
      <c r="A114" s="49" t="s">
        <v>460</v>
      </c>
      <c r="B114" s="146">
        <v>56</v>
      </c>
      <c r="C114" s="147">
        <v>12.58</v>
      </c>
      <c r="D114" s="148">
        <v>1.0976000000000001</v>
      </c>
      <c r="E114" s="125">
        <v>56</v>
      </c>
      <c r="F114" s="149">
        <v>0.90300000000000002</v>
      </c>
      <c r="G114" s="97">
        <v>8.5058299832352469E-2</v>
      </c>
      <c r="H114" s="149">
        <v>9.7000000000000003E-2</v>
      </c>
      <c r="I114" s="97">
        <v>8.5058299832352455E-2</v>
      </c>
    </row>
    <row r="115" spans="1:9">
      <c r="A115" s="57" t="s">
        <v>458</v>
      </c>
      <c r="B115" s="145">
        <v>78</v>
      </c>
      <c r="C115" s="84">
        <v>10.62</v>
      </c>
      <c r="D115" s="85">
        <v>0.96039999999999992</v>
      </c>
      <c r="E115" s="83">
        <v>78</v>
      </c>
      <c r="F115" s="98">
        <v>0.93600000000000005</v>
      </c>
      <c r="G115" s="94">
        <v>6.1682748881307259E-2</v>
      </c>
      <c r="H115" s="98">
        <v>6.4000000000000001E-2</v>
      </c>
      <c r="I115" s="94">
        <v>6.1682748881307307E-2</v>
      </c>
    </row>
    <row r="119" spans="1:9" ht="18.75">
      <c r="A119" s="321" t="s">
        <v>431</v>
      </c>
      <c r="B119" s="321"/>
      <c r="C119" s="321"/>
      <c r="D119" s="321"/>
    </row>
    <row r="120" spans="1:9" ht="87.75" customHeight="1">
      <c r="A120" s="373" t="s">
        <v>490</v>
      </c>
      <c r="B120" s="373"/>
      <c r="C120" s="373"/>
      <c r="D120" s="373"/>
    </row>
    <row r="121" spans="1:9" ht="39.75" customHeight="1">
      <c r="A121" s="377" t="s">
        <v>138</v>
      </c>
      <c r="B121" s="372"/>
      <c r="C121" s="372"/>
      <c r="D121" s="372"/>
    </row>
    <row r="122" spans="1:9" ht="37.5" customHeight="1">
      <c r="A122" s="37" t="s">
        <v>85</v>
      </c>
      <c r="B122" s="38" t="s">
        <v>86</v>
      </c>
      <c r="C122" s="39" t="s">
        <v>87</v>
      </c>
      <c r="D122" s="40" t="s">
        <v>88</v>
      </c>
    </row>
    <row r="123" spans="1:9" ht="84">
      <c r="A123" s="41"/>
      <c r="B123" s="42" t="s">
        <v>89</v>
      </c>
      <c r="C123" s="43" t="s">
        <v>139</v>
      </c>
      <c r="D123" s="44" t="s">
        <v>91</v>
      </c>
    </row>
    <row r="124" spans="1:9">
      <c r="A124" s="45" t="s">
        <v>436</v>
      </c>
      <c r="B124" s="145">
        <v>7011</v>
      </c>
      <c r="C124" s="84">
        <v>5.12</v>
      </c>
      <c r="D124" s="85">
        <v>3.9199999999999999E-2</v>
      </c>
    </row>
    <row r="125" spans="1:9">
      <c r="A125" s="49" t="s">
        <v>437</v>
      </c>
      <c r="B125" s="146">
        <v>6498</v>
      </c>
      <c r="C125" s="147">
        <v>5.1043620000000001</v>
      </c>
      <c r="D125" s="148">
        <v>3.7689623999999998E-2</v>
      </c>
    </row>
    <row r="126" spans="1:9">
      <c r="A126" s="45" t="s">
        <v>438</v>
      </c>
      <c r="B126" s="145">
        <v>621</v>
      </c>
      <c r="C126" s="84">
        <v>4.87</v>
      </c>
      <c r="D126" s="85">
        <v>0.1176</v>
      </c>
    </row>
    <row r="127" spans="1:9">
      <c r="A127" s="49" t="s">
        <v>439</v>
      </c>
      <c r="B127" s="146">
        <v>2543</v>
      </c>
      <c r="C127" s="147">
        <v>5.2</v>
      </c>
      <c r="D127" s="148">
        <v>5.8799999999999998E-2</v>
      </c>
    </row>
    <row r="128" spans="1:9">
      <c r="A128" s="45" t="s">
        <v>440</v>
      </c>
      <c r="B128" s="145">
        <v>2366</v>
      </c>
      <c r="C128" s="84">
        <v>5.19</v>
      </c>
      <c r="D128" s="85">
        <v>5.8799999999999998E-2</v>
      </c>
    </row>
    <row r="129" spans="1:4">
      <c r="A129" s="49" t="s">
        <v>452</v>
      </c>
      <c r="B129" s="146">
        <v>390</v>
      </c>
      <c r="C129" s="147">
        <v>5.12</v>
      </c>
      <c r="D129" s="148">
        <v>0.15679999999999999</v>
      </c>
    </row>
    <row r="130" spans="1:4">
      <c r="A130" s="45" t="s">
        <v>441</v>
      </c>
      <c r="B130" s="145">
        <v>95</v>
      </c>
      <c r="C130" s="84">
        <v>5.25</v>
      </c>
      <c r="D130" s="85">
        <v>0.29399999999999998</v>
      </c>
    </row>
    <row r="131" spans="1:4">
      <c r="A131" s="49" t="s">
        <v>442</v>
      </c>
      <c r="B131" s="146">
        <v>74</v>
      </c>
      <c r="C131" s="147">
        <v>4.66</v>
      </c>
      <c r="D131" s="148">
        <v>0.39200000000000002</v>
      </c>
    </row>
    <row r="132" spans="1:4">
      <c r="A132" s="45" t="s">
        <v>443</v>
      </c>
      <c r="B132" s="145">
        <v>77</v>
      </c>
      <c r="C132" s="84">
        <v>5.28</v>
      </c>
      <c r="D132" s="85">
        <v>0.31359999999999999</v>
      </c>
    </row>
    <row r="133" spans="1:4">
      <c r="A133" s="49" t="s">
        <v>444</v>
      </c>
      <c r="B133" s="146">
        <v>62</v>
      </c>
      <c r="C133" s="147">
        <v>5.62</v>
      </c>
      <c r="D133" s="148">
        <v>0.3528</v>
      </c>
    </row>
    <row r="134" spans="1:4">
      <c r="A134" s="45" t="s">
        <v>445</v>
      </c>
      <c r="B134" s="145">
        <v>82</v>
      </c>
      <c r="C134" s="84">
        <v>4.82</v>
      </c>
      <c r="D134" s="85">
        <v>0.3332</v>
      </c>
    </row>
    <row r="135" spans="1:4">
      <c r="A135" s="49" t="s">
        <v>453</v>
      </c>
      <c r="B135" s="146">
        <v>682</v>
      </c>
      <c r="C135" s="147">
        <v>5.34</v>
      </c>
      <c r="D135" s="148">
        <v>9.8000000000000004E-2</v>
      </c>
    </row>
    <row r="136" spans="1:4">
      <c r="A136" s="45" t="s">
        <v>446</v>
      </c>
      <c r="B136" s="145">
        <v>82</v>
      </c>
      <c r="C136" s="84">
        <v>4.59</v>
      </c>
      <c r="D136" s="85">
        <v>0.3528</v>
      </c>
    </row>
    <row r="137" spans="1:4">
      <c r="A137" s="49" t="s">
        <v>447</v>
      </c>
      <c r="B137" s="146">
        <v>143</v>
      </c>
      <c r="C137" s="147">
        <v>5.44</v>
      </c>
      <c r="D137" s="148">
        <v>0.21559999999999999</v>
      </c>
    </row>
    <row r="138" spans="1:4">
      <c r="A138" s="57" t="s">
        <v>448</v>
      </c>
      <c r="B138" s="145">
        <v>178</v>
      </c>
      <c r="C138" s="84">
        <v>5.62</v>
      </c>
      <c r="D138" s="85">
        <v>0.19600000000000001</v>
      </c>
    </row>
    <row r="139" spans="1:4">
      <c r="A139" s="49" t="s">
        <v>449</v>
      </c>
      <c r="B139" s="146">
        <v>80</v>
      </c>
      <c r="C139" s="147">
        <v>5.08</v>
      </c>
      <c r="D139" s="148">
        <v>0.31359999999999999</v>
      </c>
    </row>
    <row r="140" spans="1:4">
      <c r="A140" s="57" t="s">
        <v>450</v>
      </c>
      <c r="B140" s="145">
        <v>84</v>
      </c>
      <c r="C140" s="84">
        <v>4.96</v>
      </c>
      <c r="D140" s="85">
        <v>0.31359999999999999</v>
      </c>
    </row>
    <row r="141" spans="1:4">
      <c r="A141" s="49" t="s">
        <v>451</v>
      </c>
      <c r="B141" s="146">
        <v>115</v>
      </c>
      <c r="C141" s="147">
        <v>5.48</v>
      </c>
      <c r="D141" s="148">
        <v>0.25480000000000003</v>
      </c>
    </row>
    <row r="142" spans="1:4">
      <c r="A142" s="57" t="s">
        <v>457</v>
      </c>
      <c r="B142" s="145">
        <v>43</v>
      </c>
      <c r="C142" s="84">
        <v>4.58</v>
      </c>
      <c r="D142" s="85">
        <v>0.5292</v>
      </c>
    </row>
    <row r="143" spans="1:4">
      <c r="A143" s="49" t="s">
        <v>460</v>
      </c>
      <c r="B143" s="146">
        <v>40</v>
      </c>
      <c r="C143" s="147">
        <v>5.18</v>
      </c>
      <c r="D143" s="148">
        <v>0.39200000000000002</v>
      </c>
    </row>
    <row r="144" spans="1:4">
      <c r="A144" s="57" t="s">
        <v>458</v>
      </c>
      <c r="B144" s="145">
        <v>55</v>
      </c>
      <c r="C144" s="84">
        <v>5.66</v>
      </c>
      <c r="D144" s="85">
        <v>0.39200000000000002</v>
      </c>
    </row>
    <row r="148" spans="1:26" ht="18.75">
      <c r="A148" s="321" t="s">
        <v>432</v>
      </c>
      <c r="B148" s="321"/>
      <c r="C148" s="321"/>
      <c r="D148" s="321"/>
      <c r="E148" s="321"/>
      <c r="F148" s="321"/>
      <c r="G148" s="321"/>
      <c r="H148" s="321"/>
      <c r="I148" s="321"/>
      <c r="J148" s="321"/>
      <c r="K148" s="321"/>
      <c r="L148" s="321"/>
      <c r="M148" s="321"/>
      <c r="N148" s="321"/>
      <c r="O148" s="321"/>
      <c r="P148" s="321"/>
      <c r="Q148" s="321"/>
      <c r="R148" s="321"/>
      <c r="S148" s="321"/>
      <c r="T148" s="321"/>
      <c r="U148" s="321"/>
      <c r="V148" s="321"/>
    </row>
    <row r="149" spans="1:26" ht="39.75" customHeight="1">
      <c r="A149" s="370" t="s">
        <v>491</v>
      </c>
      <c r="B149" s="370"/>
      <c r="C149" s="370"/>
      <c r="D149" s="370"/>
      <c r="E149" s="370"/>
      <c r="F149" s="370"/>
      <c r="G149" s="370"/>
      <c r="H149" s="370"/>
      <c r="I149" s="370"/>
      <c r="J149" s="370"/>
      <c r="K149" s="370"/>
      <c r="L149" s="370"/>
      <c r="M149" s="370"/>
      <c r="N149" s="370"/>
      <c r="O149" s="370"/>
      <c r="P149" s="370"/>
      <c r="Q149" s="370"/>
      <c r="R149" s="370"/>
      <c r="S149" s="370"/>
      <c r="T149" s="370"/>
      <c r="U149" s="370"/>
      <c r="V149" s="370"/>
    </row>
    <row r="150" spans="1:26" ht="38.25" customHeight="1">
      <c r="A150" s="64" t="s">
        <v>85</v>
      </c>
      <c r="B150" s="360" t="s">
        <v>345</v>
      </c>
      <c r="C150" s="360"/>
      <c r="D150" s="360"/>
      <c r="E150" s="360"/>
      <c r="F150" s="360"/>
      <c r="G150" s="360"/>
      <c r="H150" s="360"/>
      <c r="I150" s="364" t="s">
        <v>238</v>
      </c>
      <c r="J150" s="365"/>
      <c r="K150" s="365"/>
      <c r="L150" s="365"/>
      <c r="M150" s="365"/>
      <c r="N150" s="365"/>
      <c r="O150" s="366"/>
      <c r="P150" s="361" t="s">
        <v>260</v>
      </c>
      <c r="Q150" s="362"/>
      <c r="R150" s="362"/>
      <c r="S150" s="362"/>
      <c r="T150" s="362"/>
      <c r="U150" s="362"/>
      <c r="V150" s="363"/>
    </row>
    <row r="151" spans="1:26" ht="61.5" customHeight="1">
      <c r="A151" s="37" t="s">
        <v>85</v>
      </c>
      <c r="B151" s="38" t="s">
        <v>86</v>
      </c>
      <c r="C151" s="38" t="s">
        <v>178</v>
      </c>
      <c r="D151" s="89" t="s">
        <v>101</v>
      </c>
      <c r="E151" s="38" t="s">
        <v>179</v>
      </c>
      <c r="F151" s="89" t="s">
        <v>102</v>
      </c>
      <c r="G151" s="38" t="s">
        <v>180</v>
      </c>
      <c r="H151" s="89" t="s">
        <v>103</v>
      </c>
      <c r="I151" s="65" t="s">
        <v>86</v>
      </c>
      <c r="J151" s="65" t="s">
        <v>178</v>
      </c>
      <c r="K151" s="88" t="s">
        <v>101</v>
      </c>
      <c r="L151" s="65" t="s">
        <v>179</v>
      </c>
      <c r="M151" s="88" t="s">
        <v>102</v>
      </c>
      <c r="N151" s="65" t="s">
        <v>180</v>
      </c>
      <c r="O151" s="88" t="s">
        <v>103</v>
      </c>
      <c r="P151" s="38" t="s">
        <v>86</v>
      </c>
      <c r="Q151" s="38" t="s">
        <v>178</v>
      </c>
      <c r="R151" s="89" t="s">
        <v>101</v>
      </c>
      <c r="S151" s="38" t="s">
        <v>179</v>
      </c>
      <c r="T151" s="89" t="s">
        <v>102</v>
      </c>
      <c r="U151" s="38" t="s">
        <v>180</v>
      </c>
      <c r="V151" s="89" t="s">
        <v>103</v>
      </c>
      <c r="Z151" s="283"/>
    </row>
    <row r="152" spans="1:26" ht="72" customHeight="1">
      <c r="A152" s="41"/>
      <c r="B152" s="42" t="s">
        <v>89</v>
      </c>
      <c r="C152" s="42" t="s">
        <v>181</v>
      </c>
      <c r="D152" s="91" t="s">
        <v>104</v>
      </c>
      <c r="E152" s="42" t="s">
        <v>182</v>
      </c>
      <c r="F152" s="91" t="s">
        <v>104</v>
      </c>
      <c r="G152" s="42" t="s">
        <v>183</v>
      </c>
      <c r="H152" s="91" t="s">
        <v>104</v>
      </c>
      <c r="I152" s="68" t="s">
        <v>89</v>
      </c>
      <c r="J152" s="68" t="s">
        <v>181</v>
      </c>
      <c r="K152" s="90" t="s">
        <v>104</v>
      </c>
      <c r="L152" s="68" t="s">
        <v>182</v>
      </c>
      <c r="M152" s="90" t="s">
        <v>104</v>
      </c>
      <c r="N152" s="68" t="s">
        <v>183</v>
      </c>
      <c r="O152" s="90" t="s">
        <v>104</v>
      </c>
      <c r="P152" s="42" t="s">
        <v>89</v>
      </c>
      <c r="Q152" s="42" t="s">
        <v>181</v>
      </c>
      <c r="R152" s="91" t="s">
        <v>104</v>
      </c>
      <c r="S152" s="42" t="s">
        <v>182</v>
      </c>
      <c r="T152" s="91" t="s">
        <v>104</v>
      </c>
      <c r="U152" s="42" t="s">
        <v>183</v>
      </c>
      <c r="V152" s="91" t="s">
        <v>104</v>
      </c>
    </row>
    <row r="153" spans="1:26">
      <c r="A153" s="45" t="s">
        <v>436</v>
      </c>
      <c r="B153" s="150">
        <v>9276</v>
      </c>
      <c r="C153" s="152">
        <v>0.13600000000000001</v>
      </c>
      <c r="D153" s="94">
        <v>7.1202175744412774E-3</v>
      </c>
      <c r="E153" s="152">
        <v>0.10299999999999999</v>
      </c>
      <c r="F153" s="94">
        <v>6.3152402057032589E-3</v>
      </c>
      <c r="G153" s="152">
        <v>0.753</v>
      </c>
      <c r="H153" s="94">
        <v>8.9550161314121256E-3</v>
      </c>
      <c r="I153" s="150">
        <v>9217</v>
      </c>
      <c r="J153" s="152">
        <v>0.16600000000000001</v>
      </c>
      <c r="K153" s="94">
        <v>7.7522857540576638E-3</v>
      </c>
      <c r="L153" s="152">
        <v>0.09</v>
      </c>
      <c r="M153" s="94">
        <v>5.9658068230432019E-3</v>
      </c>
      <c r="N153" s="152">
        <v>0.54</v>
      </c>
      <c r="O153" s="94">
        <v>1.0380493327592522E-2</v>
      </c>
      <c r="P153" s="150">
        <v>9217</v>
      </c>
      <c r="Q153" s="152">
        <v>0.114</v>
      </c>
      <c r="R153" s="94">
        <v>6.6235061239835148E-3</v>
      </c>
      <c r="S153" s="152">
        <v>8.2000000000000003E-2</v>
      </c>
      <c r="T153" s="94">
        <v>5.7201313275713596E-3</v>
      </c>
      <c r="U153" s="152">
        <v>0.77</v>
      </c>
      <c r="V153" s="94">
        <v>8.7665312126002475E-3</v>
      </c>
    </row>
    <row r="154" spans="1:26">
      <c r="A154" s="49" t="s">
        <v>437</v>
      </c>
      <c r="B154" s="151">
        <v>9197</v>
      </c>
      <c r="C154" s="153">
        <v>0.14000000000000001</v>
      </c>
      <c r="D154" s="97">
        <v>7.23817059315357E-3</v>
      </c>
      <c r="E154" s="153">
        <v>0.11</v>
      </c>
      <c r="F154" s="97">
        <v>6.5282517544928698E-3</v>
      </c>
      <c r="G154" s="153">
        <v>0.75</v>
      </c>
      <c r="H154" s="97">
        <v>9.0297562676581438E-3</v>
      </c>
      <c r="I154" s="151">
        <v>6503</v>
      </c>
      <c r="J154" s="153">
        <v>0.218</v>
      </c>
      <c r="K154" s="97">
        <v>1.0239899133076573E-2</v>
      </c>
      <c r="L154" s="153">
        <v>0.108</v>
      </c>
      <c r="M154" s="97">
        <v>7.7029874474262927E-3</v>
      </c>
      <c r="N154" s="153">
        <v>0.67300000000000004</v>
      </c>
      <c r="O154" s="97">
        <v>1.1632077679393428E-2</v>
      </c>
      <c r="P154" s="151">
        <v>8245</v>
      </c>
      <c r="Q154" s="153">
        <v>0.122</v>
      </c>
      <c r="R154" s="97">
        <v>7.2116921733752729E-3</v>
      </c>
      <c r="S154" s="153">
        <v>8.4000000000000005E-2</v>
      </c>
      <c r="T154" s="97">
        <v>6.1149053679823836E-3</v>
      </c>
      <c r="U154" s="153">
        <v>0.79300000000000004</v>
      </c>
      <c r="V154" s="97">
        <v>8.9240335224626353E-3</v>
      </c>
    </row>
    <row r="155" spans="1:26">
      <c r="A155" s="45" t="s">
        <v>438</v>
      </c>
      <c r="B155" s="150">
        <v>827</v>
      </c>
      <c r="C155" s="152">
        <v>0.15720000000000001</v>
      </c>
      <c r="D155" s="94">
        <v>2.5360621051829763E-2</v>
      </c>
      <c r="E155" s="152">
        <v>0.1061</v>
      </c>
      <c r="F155" s="94">
        <v>2.153360641377321E-2</v>
      </c>
      <c r="G155" s="152">
        <v>0.73660000000000003</v>
      </c>
      <c r="H155" s="94">
        <v>3.0602301708218295E-2</v>
      </c>
      <c r="I155" s="150">
        <v>621</v>
      </c>
      <c r="J155" s="152">
        <v>0.26379999999999998</v>
      </c>
      <c r="K155" s="94">
        <v>3.5319922306195642E-2</v>
      </c>
      <c r="L155" s="152">
        <v>0.1159</v>
      </c>
      <c r="M155" s="94">
        <v>2.5842546874374733E-2</v>
      </c>
      <c r="N155" s="152">
        <v>0.62029999999999996</v>
      </c>
      <c r="O155" s="94">
        <v>3.8840190316748437E-2</v>
      </c>
      <c r="P155" s="150">
        <v>801</v>
      </c>
      <c r="Q155" s="152">
        <v>0.16539999999999999</v>
      </c>
      <c r="R155" s="94">
        <v>2.6295283895361683E-2</v>
      </c>
      <c r="S155" s="152">
        <v>0.1024</v>
      </c>
      <c r="T155" s="94">
        <v>2.1552348566486808E-2</v>
      </c>
      <c r="U155" s="152">
        <v>0.73219999999999996</v>
      </c>
      <c r="V155" s="94">
        <v>3.1256712932594272E-2</v>
      </c>
    </row>
    <row r="156" spans="1:26">
      <c r="A156" s="49" t="s">
        <v>439</v>
      </c>
      <c r="B156" s="151">
        <v>3523</v>
      </c>
      <c r="C156" s="153">
        <v>0.112</v>
      </c>
      <c r="D156" s="97">
        <v>1.0638651987025839E-2</v>
      </c>
      <c r="E156" s="153">
        <v>0.11700000000000001</v>
      </c>
      <c r="F156" s="97">
        <v>1.0841724615317069E-2</v>
      </c>
      <c r="G156" s="153">
        <v>0.76600000000000001</v>
      </c>
      <c r="H156" s="97">
        <v>1.4264081435498429E-2</v>
      </c>
      <c r="I156" s="151">
        <v>3504</v>
      </c>
      <c r="J156" s="153">
        <v>0.13900000000000001</v>
      </c>
      <c r="K156" s="97">
        <v>1.1696271556698255E-2</v>
      </c>
      <c r="L156" s="153">
        <v>9.2999999999999999E-2</v>
      </c>
      <c r="M156" s="97">
        <v>9.8291301087700175E-3</v>
      </c>
      <c r="N156" s="153">
        <v>0.54800000000000004</v>
      </c>
      <c r="O156" s="97">
        <v>1.6805997846113911E-2</v>
      </c>
      <c r="P156" s="151">
        <v>3488</v>
      </c>
      <c r="Q156" s="153">
        <v>0.10100000000000001</v>
      </c>
      <c r="R156" s="97">
        <v>1.0218882459284271E-2</v>
      </c>
      <c r="S156" s="153">
        <v>8.6999999999999994E-2</v>
      </c>
      <c r="T156" s="97">
        <v>9.5620923347645263E-3</v>
      </c>
      <c r="U156" s="153">
        <v>0.78100000000000003</v>
      </c>
      <c r="V156" s="97">
        <v>1.4004572651867019E-2</v>
      </c>
    </row>
    <row r="157" spans="1:26">
      <c r="A157" s="45" t="s">
        <v>440</v>
      </c>
      <c r="B157" s="150">
        <v>3241</v>
      </c>
      <c r="C157" s="152">
        <v>0.111</v>
      </c>
      <c r="D157" s="94">
        <v>1.1049786559515608E-2</v>
      </c>
      <c r="E157" s="152">
        <v>0.11799999999999999</v>
      </c>
      <c r="F157" s="94">
        <v>1.1346104550673438E-2</v>
      </c>
      <c r="G157" s="152">
        <v>0.77</v>
      </c>
      <c r="H157" s="94">
        <v>1.478264137900369E-2</v>
      </c>
      <c r="I157" s="150">
        <v>2368</v>
      </c>
      <c r="J157" s="152">
        <v>0.183</v>
      </c>
      <c r="K157" s="94">
        <v>1.5896462618600279E-2</v>
      </c>
      <c r="L157" s="152">
        <v>0.11</v>
      </c>
      <c r="M157" s="94">
        <v>1.2882433251964734E-2</v>
      </c>
      <c r="N157" s="152">
        <v>0.70799999999999996</v>
      </c>
      <c r="O157" s="94">
        <v>1.867814698494533E-2</v>
      </c>
      <c r="P157" s="150">
        <v>3106</v>
      </c>
      <c r="Q157" s="152">
        <v>0.104</v>
      </c>
      <c r="R157" s="94">
        <v>1.0971294072713536E-2</v>
      </c>
      <c r="S157" s="152">
        <v>8.8999999999999996E-2</v>
      </c>
      <c r="T157" s="94">
        <v>1.0239149635382723E-2</v>
      </c>
      <c r="U157" s="152">
        <v>0.80700000000000005</v>
      </c>
      <c r="V157" s="94">
        <v>1.4164549074300101E-2</v>
      </c>
    </row>
    <row r="158" spans="1:26">
      <c r="A158" s="49" t="s">
        <v>452</v>
      </c>
      <c r="B158" s="151">
        <v>570</v>
      </c>
      <c r="C158" s="153">
        <v>0.13800000000000001</v>
      </c>
      <c r="D158" s="97">
        <v>2.9011115670863494E-2</v>
      </c>
      <c r="E158" s="153">
        <v>0.13100000000000001</v>
      </c>
      <c r="F158" s="97">
        <v>2.8398618757305115E-2</v>
      </c>
      <c r="G158" s="153">
        <v>0.71799999999999997</v>
      </c>
      <c r="H158" s="97">
        <v>3.7624223750628225E-2</v>
      </c>
      <c r="I158" s="151">
        <v>567</v>
      </c>
      <c r="J158" s="153">
        <v>0.152</v>
      </c>
      <c r="K158" s="97">
        <v>3.0245554945647329E-2</v>
      </c>
      <c r="L158" s="153">
        <v>8.5000000000000006E-2</v>
      </c>
      <c r="M158" s="97">
        <v>2.3699742920860276E-2</v>
      </c>
      <c r="N158" s="153">
        <v>0.505</v>
      </c>
      <c r="O158" s="97">
        <v>4.1846634259521273E-2</v>
      </c>
      <c r="P158" s="151">
        <v>563</v>
      </c>
      <c r="Q158" s="153">
        <v>9.9000000000000005E-2</v>
      </c>
      <c r="R158" s="97">
        <v>2.5401161545774448E-2</v>
      </c>
      <c r="S158" s="153">
        <v>0.123</v>
      </c>
      <c r="T158" s="97">
        <v>2.7840471968207391E-2</v>
      </c>
      <c r="U158" s="153">
        <v>0.72699999999999998</v>
      </c>
      <c r="V158" s="97">
        <v>3.7486785542127046E-2</v>
      </c>
    </row>
    <row r="159" spans="1:26">
      <c r="A159" s="45" t="s">
        <v>441</v>
      </c>
      <c r="B159" s="150">
        <v>147</v>
      </c>
      <c r="C159" s="152">
        <v>0.106</v>
      </c>
      <c r="D159" s="94">
        <v>5.2204257793659233E-2</v>
      </c>
      <c r="E159" s="152">
        <v>0.125</v>
      </c>
      <c r="F159" s="94">
        <v>5.5606624800275221E-2</v>
      </c>
      <c r="G159" s="152">
        <v>0.76300000000000001</v>
      </c>
      <c r="H159" s="94">
        <v>6.9900031788294459E-2</v>
      </c>
      <c r="I159" s="150">
        <v>146</v>
      </c>
      <c r="J159" s="152">
        <v>8.4000000000000005E-2</v>
      </c>
      <c r="K159" s="94">
        <v>4.7902843698160245E-2</v>
      </c>
      <c r="L159" s="152">
        <v>0.12</v>
      </c>
      <c r="M159" s="94">
        <v>5.4942066188277239E-2</v>
      </c>
      <c r="N159" s="152">
        <v>0.48799999999999999</v>
      </c>
      <c r="O159" s="94">
        <v>8.1627377368135495E-2</v>
      </c>
      <c r="P159" s="150">
        <v>145</v>
      </c>
      <c r="Q159" s="152">
        <v>9.8000000000000004E-2</v>
      </c>
      <c r="R159" s="94">
        <v>5.1018159348191233E-2</v>
      </c>
      <c r="S159" s="152">
        <v>6.8000000000000005E-2</v>
      </c>
      <c r="T159" s="94">
        <v>4.4348099181161636E-2</v>
      </c>
      <c r="U159" s="152">
        <v>0.81</v>
      </c>
      <c r="V159" s="94">
        <v>6.5331467366379181E-2</v>
      </c>
    </row>
    <row r="160" spans="1:26">
      <c r="A160" s="49" t="s">
        <v>442</v>
      </c>
      <c r="B160" s="151">
        <v>107</v>
      </c>
      <c r="C160" s="153">
        <v>0.09</v>
      </c>
      <c r="D160" s="97">
        <v>5.8138393865718417E-2</v>
      </c>
      <c r="E160" s="153">
        <v>0.254</v>
      </c>
      <c r="F160" s="97">
        <v>8.3561905128045719E-2</v>
      </c>
      <c r="G160" s="153">
        <v>0.627</v>
      </c>
      <c r="H160" s="97">
        <v>9.2026730428804368E-2</v>
      </c>
      <c r="I160" s="151">
        <v>106</v>
      </c>
      <c r="J160" s="153">
        <v>0.26400000000000001</v>
      </c>
      <c r="K160" s="97">
        <v>8.4912997308691826E-2</v>
      </c>
      <c r="L160" s="153">
        <v>6.4000000000000001E-2</v>
      </c>
      <c r="M160" s="97">
        <v>5.1690617057747232E-2</v>
      </c>
      <c r="N160" s="153">
        <v>0.40100000000000002</v>
      </c>
      <c r="O160" s="97">
        <v>9.3594646311537591E-2</v>
      </c>
      <c r="P160" s="151">
        <v>105</v>
      </c>
      <c r="Q160" s="153">
        <v>0.112</v>
      </c>
      <c r="R160" s="97">
        <v>6.3622269807367821E-2</v>
      </c>
      <c r="S160" s="153">
        <v>0.13900000000000001</v>
      </c>
      <c r="T160" s="97">
        <v>6.8821892802024345E-2</v>
      </c>
      <c r="U160" s="153">
        <v>0.67</v>
      </c>
      <c r="V160" s="97">
        <v>9.0499567971910666E-2</v>
      </c>
    </row>
    <row r="161" spans="1:22">
      <c r="A161" s="45" t="s">
        <v>443</v>
      </c>
      <c r="B161" s="150">
        <v>117</v>
      </c>
      <c r="C161" s="152">
        <v>0.127</v>
      </c>
      <c r="D161" s="94">
        <v>6.2962029329712857E-2</v>
      </c>
      <c r="E161" s="152">
        <v>0.12</v>
      </c>
      <c r="F161" s="94">
        <v>6.1654677893021204E-2</v>
      </c>
      <c r="G161" s="152">
        <v>0.74</v>
      </c>
      <c r="H161" s="94">
        <v>8.052417489120603E-2</v>
      </c>
      <c r="I161" s="150">
        <v>117</v>
      </c>
      <c r="J161" s="152">
        <v>0.161</v>
      </c>
      <c r="K161" s="94">
        <v>6.864725849756223E-2</v>
      </c>
      <c r="L161" s="152">
        <v>0.109</v>
      </c>
      <c r="M161" s="94">
        <v>5.9490887714663959E-2</v>
      </c>
      <c r="N161" s="152">
        <v>0.52</v>
      </c>
      <c r="O161" s="94">
        <v>9.0841067123365218E-2</v>
      </c>
      <c r="P161" s="150">
        <v>116</v>
      </c>
      <c r="Q161" s="152">
        <v>9.6000000000000002E-2</v>
      </c>
      <c r="R161" s="94">
        <v>5.7004010255289804E-2</v>
      </c>
      <c r="S161" s="152">
        <v>0.16500000000000001</v>
      </c>
      <c r="T161" s="94">
        <v>6.9553809438501688E-2</v>
      </c>
      <c r="U161" s="152">
        <v>0.69899999999999995</v>
      </c>
      <c r="V161" s="94">
        <v>8.4260521708084152E-2</v>
      </c>
    </row>
    <row r="162" spans="1:22">
      <c r="A162" s="49" t="s">
        <v>444</v>
      </c>
      <c r="B162" s="151">
        <v>80</v>
      </c>
      <c r="C162" s="153">
        <v>0.125</v>
      </c>
      <c r="D162" s="97">
        <v>7.6360354832121252E-2</v>
      </c>
      <c r="E162" s="153">
        <v>3.7999999999999999E-2</v>
      </c>
      <c r="F162" s="97">
        <v>5.182387756347729E-2</v>
      </c>
      <c r="G162" s="153">
        <v>0.81899999999999995</v>
      </c>
      <c r="H162" s="97">
        <v>8.6657446371063984E-2</v>
      </c>
      <c r="I162" s="151">
        <v>80</v>
      </c>
      <c r="J162" s="153">
        <v>0.10100000000000001</v>
      </c>
      <c r="K162" s="97">
        <v>7.0912420834233464E-2</v>
      </c>
      <c r="L162" s="153">
        <v>3.9E-2</v>
      </c>
      <c r="M162" s="97">
        <v>5.2207091385045701E-2</v>
      </c>
      <c r="N162" s="153">
        <v>0.64</v>
      </c>
      <c r="O162" s="97">
        <v>0.10515798142890086</v>
      </c>
      <c r="P162" s="151">
        <v>80</v>
      </c>
      <c r="Q162" s="153">
        <v>0.03</v>
      </c>
      <c r="R162" s="97">
        <v>4.8617647299943993E-2</v>
      </c>
      <c r="S162" s="153">
        <v>8.6999999999999994E-2</v>
      </c>
      <c r="T162" s="97">
        <v>6.736145884380873E-2</v>
      </c>
      <c r="U162" s="153">
        <v>0.77700000000000002</v>
      </c>
      <c r="V162" s="97">
        <v>9.2685986804240394E-2</v>
      </c>
    </row>
    <row r="163" spans="1:22">
      <c r="A163" s="45" t="s">
        <v>445</v>
      </c>
      <c r="B163" s="150">
        <v>119</v>
      </c>
      <c r="C163" s="152">
        <v>0.25700000000000001</v>
      </c>
      <c r="D163" s="94">
        <v>7.957797971827954E-2</v>
      </c>
      <c r="E163" s="152">
        <v>8.5000000000000006E-2</v>
      </c>
      <c r="F163" s="94">
        <v>5.3736631388981063E-2</v>
      </c>
      <c r="G163" s="152">
        <v>0.65800000000000003</v>
      </c>
      <c r="H163" s="94">
        <v>8.5849797662643154E-2</v>
      </c>
      <c r="I163" s="150">
        <v>118</v>
      </c>
      <c r="J163" s="152">
        <v>0.13500000000000001</v>
      </c>
      <c r="K163" s="94">
        <v>6.4112567854155214E-2</v>
      </c>
      <c r="L163" s="152">
        <v>5.3999999999999999E-2</v>
      </c>
      <c r="M163" s="94">
        <v>4.5777022455960818E-2</v>
      </c>
      <c r="N163" s="152">
        <v>0.52800000000000002</v>
      </c>
      <c r="O163" s="94">
        <v>9.0402844698435431E-2</v>
      </c>
      <c r="P163" s="150">
        <v>117</v>
      </c>
      <c r="Q163" s="152">
        <v>0.13600000000000001</v>
      </c>
      <c r="R163" s="94">
        <v>6.4569591296113588E-2</v>
      </c>
      <c r="S163" s="152">
        <v>0.13600000000000001</v>
      </c>
      <c r="T163" s="94">
        <v>6.4569591296113588E-2</v>
      </c>
      <c r="U163" s="152">
        <v>0.69299999999999995</v>
      </c>
      <c r="V163" s="94">
        <v>8.4339541483247654E-2</v>
      </c>
    </row>
    <row r="164" spans="1:22">
      <c r="A164" s="49" t="s">
        <v>453</v>
      </c>
      <c r="B164" s="151">
        <v>945</v>
      </c>
      <c r="C164" s="153">
        <v>8.4000000000000005E-2</v>
      </c>
      <c r="D164" s="97">
        <v>1.8178343142251002E-2</v>
      </c>
      <c r="E164" s="153">
        <v>0.10199999999999999</v>
      </c>
      <c r="F164" s="97">
        <v>1.9791166813817557E-2</v>
      </c>
      <c r="G164" s="153">
        <v>0.80500000000000005</v>
      </c>
      <c r="H164" s="97">
        <v>2.5786473546671962E-2</v>
      </c>
      <c r="I164" s="151">
        <v>939</v>
      </c>
      <c r="J164" s="153">
        <v>0.128</v>
      </c>
      <c r="K164" s="97">
        <v>2.1872812672804325E-2</v>
      </c>
      <c r="L164" s="153">
        <v>7.6999999999999999E-2</v>
      </c>
      <c r="M164" s="97">
        <v>1.7546875386111868E-2</v>
      </c>
      <c r="N164" s="153">
        <v>0.59299999999999997</v>
      </c>
      <c r="O164" s="97">
        <v>3.200107492350656E-2</v>
      </c>
      <c r="P164" s="151">
        <v>937</v>
      </c>
      <c r="Q164" s="153">
        <v>9.8000000000000004E-2</v>
      </c>
      <c r="R164" s="97">
        <v>1.9534102884565661E-2</v>
      </c>
      <c r="S164" s="153">
        <v>6.9000000000000006E-2</v>
      </c>
      <c r="T164" s="97">
        <v>1.6726201460091326E-2</v>
      </c>
      <c r="U164" s="153">
        <v>0.80400000000000005</v>
      </c>
      <c r="V164" s="97">
        <v>2.5945910664993011E-2</v>
      </c>
    </row>
    <row r="165" spans="1:22">
      <c r="A165" s="45" t="s">
        <v>446</v>
      </c>
      <c r="B165" s="150">
        <v>104</v>
      </c>
      <c r="C165" s="152">
        <v>0.155</v>
      </c>
      <c r="D165" s="94">
        <v>7.1912600003916374E-2</v>
      </c>
      <c r="E165" s="152">
        <v>0.14099999999999999</v>
      </c>
      <c r="F165" s="94">
        <v>6.9519235080164526E-2</v>
      </c>
      <c r="G165" s="152">
        <v>0.70399999999999996</v>
      </c>
      <c r="H165" s="94">
        <v>8.8487199377025108E-2</v>
      </c>
      <c r="I165" s="150">
        <v>103</v>
      </c>
      <c r="J165" s="152">
        <v>0.23799999999999999</v>
      </c>
      <c r="K165" s="94">
        <v>8.3474173420955908E-2</v>
      </c>
      <c r="L165" s="152">
        <v>6.2E-2</v>
      </c>
      <c r="M165" s="94">
        <v>5.1963817127026288E-2</v>
      </c>
      <c r="N165" s="152">
        <v>0.45800000000000002</v>
      </c>
      <c r="O165" s="94">
        <v>9.6357089502838181E-2</v>
      </c>
      <c r="P165" s="150">
        <v>102</v>
      </c>
      <c r="Q165" s="152">
        <v>0.14599999999999999</v>
      </c>
      <c r="R165" s="94">
        <v>7.1100078828752258E-2</v>
      </c>
      <c r="S165" s="152">
        <v>8.6999999999999994E-2</v>
      </c>
      <c r="T165" s="94">
        <v>5.8940725834736848E-2</v>
      </c>
      <c r="U165" s="152">
        <v>0.72499999999999998</v>
      </c>
      <c r="V165" s="94">
        <v>8.7550236792744651E-2</v>
      </c>
    </row>
    <row r="166" spans="1:22">
      <c r="A166" s="49" t="s">
        <v>447</v>
      </c>
      <c r="B166" s="151">
        <v>194</v>
      </c>
      <c r="C166" s="153">
        <v>9.7000000000000003E-2</v>
      </c>
      <c r="D166" s="97">
        <v>4.3597492554567997E-2</v>
      </c>
      <c r="E166" s="153">
        <v>0.10299999999999999</v>
      </c>
      <c r="F166" s="97">
        <v>4.4652353374607469E-2</v>
      </c>
      <c r="G166" s="153">
        <v>0.8</v>
      </c>
      <c r="H166" s="97">
        <v>5.748950412603511E-2</v>
      </c>
      <c r="I166" s="151">
        <v>193</v>
      </c>
      <c r="J166" s="153">
        <v>0.14199999999999999</v>
      </c>
      <c r="K166" s="97">
        <v>5.0778265977843698E-2</v>
      </c>
      <c r="L166" s="153">
        <v>4.4999999999999998E-2</v>
      </c>
      <c r="M166" s="97">
        <v>3.2273185192920412E-2</v>
      </c>
      <c r="N166" s="153">
        <v>0.64800000000000002</v>
      </c>
      <c r="O166" s="97">
        <v>6.8185544422047301E-2</v>
      </c>
      <c r="P166" s="151">
        <v>194</v>
      </c>
      <c r="Q166" s="153">
        <v>0.112</v>
      </c>
      <c r="R166" s="97">
        <v>4.616114628353437E-2</v>
      </c>
      <c r="S166" s="153">
        <v>6.3E-2</v>
      </c>
      <c r="T166" s="97">
        <v>3.669942905845576E-2</v>
      </c>
      <c r="U166" s="153">
        <v>0.8</v>
      </c>
      <c r="V166" s="97">
        <v>5.748950412603511E-2</v>
      </c>
    </row>
    <row r="167" spans="1:22">
      <c r="A167" s="57" t="s">
        <v>448</v>
      </c>
      <c r="B167" s="150">
        <v>235</v>
      </c>
      <c r="C167" s="152">
        <v>4.2999999999999997E-2</v>
      </c>
      <c r="D167" s="94">
        <v>2.8367953340631094E-2</v>
      </c>
      <c r="E167" s="152">
        <v>0.12</v>
      </c>
      <c r="F167" s="94">
        <v>4.2983508627470829E-2</v>
      </c>
      <c r="G167" s="152">
        <v>0.83299999999999996</v>
      </c>
      <c r="H167" s="94">
        <v>4.8885778388981123E-2</v>
      </c>
      <c r="I167" s="150">
        <v>235</v>
      </c>
      <c r="J167" s="152">
        <v>5.5E-2</v>
      </c>
      <c r="K167" s="94">
        <v>3.1303076076004466E-2</v>
      </c>
      <c r="L167" s="152">
        <v>9.6000000000000002E-2</v>
      </c>
      <c r="M167" s="94">
        <v>3.9282600000872823E-2</v>
      </c>
      <c r="N167" s="152">
        <v>0.70399999999999996</v>
      </c>
      <c r="O167" s="94">
        <v>5.9251304700473115E-2</v>
      </c>
      <c r="P167" s="150">
        <v>232</v>
      </c>
      <c r="Q167" s="152">
        <v>5.8000000000000003E-2</v>
      </c>
      <c r="R167" s="94">
        <v>3.2207585568610295E-2</v>
      </c>
      <c r="S167" s="152">
        <v>5.3999999999999999E-2</v>
      </c>
      <c r="T167" s="94">
        <v>3.1291351462498035E-2</v>
      </c>
      <c r="U167" s="152">
        <v>0.877</v>
      </c>
      <c r="V167" s="94">
        <v>4.3695421601970458E-2</v>
      </c>
    </row>
    <row r="168" spans="1:22">
      <c r="A168" s="49" t="s">
        <v>449</v>
      </c>
      <c r="B168" s="151">
        <v>124</v>
      </c>
      <c r="C168" s="153">
        <v>0.11899999999999999</v>
      </c>
      <c r="D168" s="97">
        <v>5.9626389845158299E-2</v>
      </c>
      <c r="E168" s="153">
        <v>9.8000000000000004E-2</v>
      </c>
      <c r="F168" s="97">
        <v>5.543533214299963E-2</v>
      </c>
      <c r="G168" s="153">
        <v>0.78300000000000003</v>
      </c>
      <c r="H168" s="97">
        <v>7.3916834725321859E-2</v>
      </c>
      <c r="I168" s="151">
        <v>124</v>
      </c>
      <c r="J168" s="153">
        <v>0.182</v>
      </c>
      <c r="K168" s="97">
        <v>6.9618939613654604E-2</v>
      </c>
      <c r="L168" s="153">
        <v>1.2999999999999999E-2</v>
      </c>
      <c r="M168" s="97">
        <v>2.9273736174917474E-2</v>
      </c>
      <c r="N168" s="153">
        <v>0.52600000000000002</v>
      </c>
      <c r="O168" s="97">
        <v>8.8276127478595173E-2</v>
      </c>
      <c r="P168" s="151">
        <v>124</v>
      </c>
      <c r="Q168" s="153">
        <v>0.111</v>
      </c>
      <c r="R168" s="97">
        <v>5.8091734590090753E-2</v>
      </c>
      <c r="S168" s="153">
        <v>6.9000000000000006E-2</v>
      </c>
      <c r="T168" s="97">
        <v>4.8627299198031985E-2</v>
      </c>
      <c r="U168" s="153">
        <v>0.79200000000000004</v>
      </c>
      <c r="V168" s="97">
        <v>7.2882982919325892E-2</v>
      </c>
    </row>
    <row r="169" spans="1:22">
      <c r="A169" s="57" t="s">
        <v>450</v>
      </c>
      <c r="B169" s="150">
        <v>124</v>
      </c>
      <c r="C169" s="152">
        <v>0.121</v>
      </c>
      <c r="D169" s="94">
        <v>5.9999033347926091E-2</v>
      </c>
      <c r="E169" s="152">
        <v>7.5999999999999998E-2</v>
      </c>
      <c r="F169" s="94">
        <v>5.0399788411014182E-2</v>
      </c>
      <c r="G169" s="152">
        <v>0.78600000000000003</v>
      </c>
      <c r="H169" s="94">
        <v>7.3577419067806987E-2</v>
      </c>
      <c r="I169" s="150">
        <v>122</v>
      </c>
      <c r="J169" s="152">
        <v>0.22</v>
      </c>
      <c r="K169" s="94">
        <v>7.4854094146832195E-2</v>
      </c>
      <c r="L169" s="152">
        <v>0.11</v>
      </c>
      <c r="M169" s="94">
        <v>5.8392175730288855E-2</v>
      </c>
      <c r="N169" s="152">
        <v>0.45</v>
      </c>
      <c r="O169" s="94">
        <v>8.8668494544782539E-2</v>
      </c>
      <c r="P169" s="150">
        <v>121</v>
      </c>
      <c r="Q169" s="152">
        <v>0.18</v>
      </c>
      <c r="R169" s="94">
        <v>7.0210823644221695E-2</v>
      </c>
      <c r="S169" s="152">
        <v>0.1</v>
      </c>
      <c r="T169" s="94">
        <v>5.6590079696003256E-2</v>
      </c>
      <c r="U169" s="152">
        <v>0.68200000000000005</v>
      </c>
      <c r="V169" s="94">
        <v>8.370653824384329E-2</v>
      </c>
    </row>
    <row r="170" spans="1:22">
      <c r="A170" s="49" t="s">
        <v>451</v>
      </c>
      <c r="B170" s="151">
        <v>164</v>
      </c>
      <c r="C170" s="153">
        <v>4.3999999999999997E-2</v>
      </c>
      <c r="D170" s="97">
        <v>3.513505803619793E-2</v>
      </c>
      <c r="E170" s="153">
        <v>8.2000000000000003E-2</v>
      </c>
      <c r="F170" s="97">
        <v>4.4587298156476177E-2</v>
      </c>
      <c r="G170" s="153">
        <v>0.84</v>
      </c>
      <c r="H170" s="97">
        <v>5.770186697997598E-2</v>
      </c>
      <c r="I170" s="151">
        <v>162</v>
      </c>
      <c r="J170" s="153">
        <v>6.4000000000000001E-2</v>
      </c>
      <c r="K170" s="97">
        <v>4.0762277762992266E-2</v>
      </c>
      <c r="L170" s="153">
        <v>0.11700000000000001</v>
      </c>
      <c r="M170" s="97">
        <v>5.1553031886646505E-2</v>
      </c>
      <c r="N170" s="153">
        <v>0.54300000000000004</v>
      </c>
      <c r="O170" s="97">
        <v>7.7341214692270316E-2</v>
      </c>
      <c r="P170" s="151">
        <v>164</v>
      </c>
      <c r="Q170" s="153">
        <v>4.3999999999999997E-2</v>
      </c>
      <c r="R170" s="97">
        <v>3.513505803619793E-2</v>
      </c>
      <c r="S170" s="153">
        <v>6.7000000000000004E-2</v>
      </c>
      <c r="T170" s="97">
        <v>4.1211637670360284E-2</v>
      </c>
      <c r="U170" s="153">
        <v>0.83299999999999996</v>
      </c>
      <c r="V170" s="97">
        <v>5.8620767961073038E-2</v>
      </c>
    </row>
    <row r="171" spans="1:22">
      <c r="A171" s="57" t="s">
        <v>457</v>
      </c>
      <c r="B171" s="150">
        <v>61</v>
      </c>
      <c r="C171" s="152">
        <v>0.14799999999999999</v>
      </c>
      <c r="D171" s="94">
        <v>9.3109200017515367E-2</v>
      </c>
      <c r="E171" s="152">
        <v>0.20599999999999999</v>
      </c>
      <c r="F171" s="94">
        <v>0.10344078806453441</v>
      </c>
      <c r="G171" s="152">
        <v>0.64600000000000002</v>
      </c>
      <c r="H171" s="94">
        <v>0.11928679967687397</v>
      </c>
      <c r="I171" s="150">
        <v>59</v>
      </c>
      <c r="J171" s="152">
        <v>0.16500000000000001</v>
      </c>
      <c r="K171" s="94">
        <v>9.8100495121365761E-2</v>
      </c>
      <c r="L171" s="152">
        <v>0.24299999999999999</v>
      </c>
      <c r="M171" s="94">
        <v>0.11043116511230479</v>
      </c>
      <c r="N171" s="152">
        <v>0.441</v>
      </c>
      <c r="O171" s="94">
        <v>0.12521651064930148</v>
      </c>
      <c r="P171" s="150">
        <v>60</v>
      </c>
      <c r="Q171" s="152">
        <v>0.115</v>
      </c>
      <c r="R171" s="94">
        <v>8.6502933871397542E-2</v>
      </c>
      <c r="S171" s="152">
        <v>0.28000000000000003</v>
      </c>
      <c r="T171" s="94">
        <v>0.11386970006876282</v>
      </c>
      <c r="U171" s="152">
        <v>0.59199999999999997</v>
      </c>
      <c r="V171" s="94">
        <v>0.12312618971506428</v>
      </c>
    </row>
    <row r="172" spans="1:22">
      <c r="A172" s="49" t="s">
        <v>460</v>
      </c>
      <c r="B172" s="151">
        <v>56</v>
      </c>
      <c r="C172" s="153">
        <v>6.6000000000000003E-2</v>
      </c>
      <c r="D172" s="97">
        <v>7.5683990185311772E-2</v>
      </c>
      <c r="E172" s="153">
        <v>0.13500000000000001</v>
      </c>
      <c r="F172" s="97">
        <v>9.4497344661890637E-2</v>
      </c>
      <c r="G172" s="153">
        <v>0.79900000000000004</v>
      </c>
      <c r="H172" s="97">
        <v>0.10712042928578268</v>
      </c>
      <c r="I172" s="151">
        <v>56</v>
      </c>
      <c r="J172" s="153">
        <v>0.05</v>
      </c>
      <c r="K172" s="97">
        <v>7.0047602861673053E-2</v>
      </c>
      <c r="L172" s="153">
        <v>0.23100000000000001</v>
      </c>
      <c r="M172" s="97">
        <v>0.11164393665843476</v>
      </c>
      <c r="N172" s="153">
        <v>0.54900000000000004</v>
      </c>
      <c r="O172" s="97">
        <v>0.12855827789300392</v>
      </c>
      <c r="P172" s="151">
        <v>56</v>
      </c>
      <c r="Q172" s="153">
        <v>0.125</v>
      </c>
      <c r="R172" s="97">
        <v>9.2195444572928872E-2</v>
      </c>
      <c r="S172" s="153">
        <v>0.182</v>
      </c>
      <c r="T172" s="97">
        <v>0.1038940999287255</v>
      </c>
      <c r="U172" s="153">
        <v>0.69199999999999995</v>
      </c>
      <c r="V172" s="97">
        <v>0.12052312641149002</v>
      </c>
    </row>
    <row r="173" spans="1:22">
      <c r="A173" s="57" t="s">
        <v>458</v>
      </c>
      <c r="B173" s="150">
        <v>79</v>
      </c>
      <c r="C173" s="152">
        <v>0.13</v>
      </c>
      <c r="D173" s="94">
        <v>7.7917851260820417E-2</v>
      </c>
      <c r="E173" s="152">
        <v>5.1999999999999998E-2</v>
      </c>
      <c r="F173" s="94">
        <v>5.7319573455421206E-2</v>
      </c>
      <c r="G173" s="152">
        <v>0.81699999999999995</v>
      </c>
      <c r="H173" s="94">
        <v>8.7526463249182257E-2</v>
      </c>
      <c r="I173" s="150">
        <v>79</v>
      </c>
      <c r="J173" s="152">
        <v>3.6999999999999998E-2</v>
      </c>
      <c r="K173" s="94">
        <v>5.185484421802844E-2</v>
      </c>
      <c r="L173" s="152">
        <v>0.111</v>
      </c>
      <c r="M173" s="94">
        <v>7.3767040365604761E-2</v>
      </c>
      <c r="N173" s="152">
        <v>0.55900000000000005</v>
      </c>
      <c r="O173" s="94">
        <v>0.10906976507257254</v>
      </c>
      <c r="P173" s="150">
        <v>78</v>
      </c>
      <c r="Q173" s="152">
        <v>0.13300000000000001</v>
      </c>
      <c r="R173" s="94">
        <v>7.9058759537164139E-2</v>
      </c>
      <c r="S173" s="152">
        <v>0.02</v>
      </c>
      <c r="T173" s="94">
        <v>4.5009377715706761E-2</v>
      </c>
      <c r="U173" s="152">
        <v>0.83699999999999997</v>
      </c>
      <c r="V173" s="94">
        <v>8.474946173399002E-2</v>
      </c>
    </row>
    <row r="177" spans="1:10" ht="19.5" customHeight="1">
      <c r="A177" s="322" t="s">
        <v>4</v>
      </c>
      <c r="B177" s="322"/>
      <c r="C177" s="322"/>
      <c r="D177" s="322"/>
      <c r="E177" s="322"/>
      <c r="F177" s="322"/>
      <c r="G177" s="322"/>
      <c r="H177" s="322"/>
      <c r="I177" s="322"/>
      <c r="J177" s="322"/>
    </row>
    <row r="178" spans="1:10" ht="43.5" customHeight="1">
      <c r="A178" s="369" t="s">
        <v>492</v>
      </c>
      <c r="B178" s="369"/>
      <c r="C178" s="369"/>
      <c r="D178" s="369"/>
      <c r="E178" s="369"/>
      <c r="F178" s="369"/>
      <c r="G178" s="369"/>
      <c r="H178" s="369"/>
      <c r="I178" s="369"/>
      <c r="J178" s="369"/>
    </row>
    <row r="179" spans="1:10" ht="43.5" customHeight="1">
      <c r="A179" s="367" t="s">
        <v>140</v>
      </c>
      <c r="B179" s="368"/>
      <c r="C179" s="368"/>
      <c r="D179" s="368"/>
      <c r="E179" s="368"/>
      <c r="F179" s="368"/>
      <c r="G179" s="368"/>
      <c r="H179" s="368"/>
      <c r="I179" s="368"/>
      <c r="J179" s="368"/>
    </row>
    <row r="180" spans="1:10" ht="39.75" customHeight="1">
      <c r="A180" s="37" t="s">
        <v>85</v>
      </c>
      <c r="B180" s="38" t="s">
        <v>86</v>
      </c>
      <c r="C180" s="38" t="s">
        <v>178</v>
      </c>
      <c r="D180" s="89" t="s">
        <v>101</v>
      </c>
      <c r="E180" s="38" t="s">
        <v>179</v>
      </c>
      <c r="F180" s="89" t="s">
        <v>102</v>
      </c>
      <c r="G180" s="38" t="s">
        <v>180</v>
      </c>
      <c r="H180" s="89" t="s">
        <v>103</v>
      </c>
      <c r="I180" s="38" t="s">
        <v>357</v>
      </c>
      <c r="J180" s="89" t="s">
        <v>356</v>
      </c>
    </row>
    <row r="181" spans="1:10" ht="72">
      <c r="A181" s="41"/>
      <c r="B181" s="42" t="s">
        <v>89</v>
      </c>
      <c r="C181" s="42" t="s">
        <v>181</v>
      </c>
      <c r="D181" s="91" t="s">
        <v>104</v>
      </c>
      <c r="E181" s="42" t="s">
        <v>182</v>
      </c>
      <c r="F181" s="91" t="s">
        <v>104</v>
      </c>
      <c r="G181" s="42" t="s">
        <v>183</v>
      </c>
      <c r="H181" s="91" t="s">
        <v>104</v>
      </c>
      <c r="I181" s="42" t="s">
        <v>357</v>
      </c>
      <c r="J181" s="91" t="s">
        <v>104</v>
      </c>
    </row>
    <row r="182" spans="1:10">
      <c r="A182" s="45" t="s">
        <v>436</v>
      </c>
      <c r="B182" s="154">
        <v>9113</v>
      </c>
      <c r="C182" s="157">
        <v>0.121</v>
      </c>
      <c r="D182" s="94">
        <v>6.8351534005307987E-3</v>
      </c>
      <c r="E182" s="157">
        <v>0.16200000000000001</v>
      </c>
      <c r="F182" s="94">
        <v>7.7204708880824402E-3</v>
      </c>
      <c r="G182" s="157">
        <v>0.68</v>
      </c>
      <c r="H182" s="94">
        <v>9.7715132880957269E-3</v>
      </c>
      <c r="I182" s="157">
        <v>3.6999999999999998E-2</v>
      </c>
      <c r="J182" s="94">
        <v>3.9642508892939075E-3</v>
      </c>
    </row>
    <row r="183" spans="1:10">
      <c r="A183" s="49" t="s">
        <v>437</v>
      </c>
      <c r="B183" s="49">
        <v>8765</v>
      </c>
      <c r="C183" s="156">
        <v>0.123</v>
      </c>
      <c r="D183" s="97">
        <v>7.0188848230340883E-3</v>
      </c>
      <c r="E183" s="156">
        <v>0.16700000000000001</v>
      </c>
      <c r="F183" s="97">
        <v>7.9688108376723028E-3</v>
      </c>
      <c r="G183" s="156">
        <v>0.67400000000000004</v>
      </c>
      <c r="H183" s="97">
        <v>1.0012003621009709E-2</v>
      </c>
      <c r="I183" s="156">
        <v>3.6999999999999998E-2</v>
      </c>
      <c r="J183" s="97">
        <v>4.0425677306913498E-3</v>
      </c>
    </row>
    <row r="184" spans="1:10">
      <c r="A184" s="45" t="s">
        <v>438</v>
      </c>
      <c r="B184" s="53">
        <v>841</v>
      </c>
      <c r="C184" s="157">
        <v>0.14069999999999999</v>
      </c>
      <c r="D184" s="94">
        <v>2.4043632179673178E-2</v>
      </c>
      <c r="E184" s="157">
        <v>0.19089999999999999</v>
      </c>
      <c r="F184" s="94">
        <v>2.7118813432807469E-2</v>
      </c>
      <c r="G184" s="157">
        <v>0.57730000000000004</v>
      </c>
      <c r="H184" s="94">
        <v>3.399137704072034E-2</v>
      </c>
      <c r="I184" s="157">
        <v>9.11E-2</v>
      </c>
      <c r="J184" s="94">
        <v>1.9985793116332456E-2</v>
      </c>
    </row>
    <row r="185" spans="1:10">
      <c r="A185" s="49" t="s">
        <v>439</v>
      </c>
      <c r="B185" s="49">
        <v>3456</v>
      </c>
      <c r="C185" s="156">
        <v>9.2999999999999999E-2</v>
      </c>
      <c r="D185" s="97">
        <v>9.8973799346597745E-3</v>
      </c>
      <c r="E185" s="156">
        <v>0.152</v>
      </c>
      <c r="F185" s="97">
        <v>1.2220320771619267E-2</v>
      </c>
      <c r="G185" s="156">
        <v>0.72199999999999998</v>
      </c>
      <c r="H185" s="97">
        <v>1.5237233283110484E-2</v>
      </c>
      <c r="I185" s="156">
        <v>3.2000000000000001E-2</v>
      </c>
      <c r="J185" s="97">
        <v>6.0328696138813509E-3</v>
      </c>
    </row>
    <row r="186" spans="1:10">
      <c r="A186" s="45" t="s">
        <v>440</v>
      </c>
      <c r="B186" s="53">
        <v>3297</v>
      </c>
      <c r="C186" s="157">
        <v>0.1</v>
      </c>
      <c r="D186" s="94">
        <v>1.046553619566838E-2</v>
      </c>
      <c r="E186" s="157">
        <v>0.14799999999999999</v>
      </c>
      <c r="F186" s="94">
        <v>1.2375822478160018E-2</v>
      </c>
      <c r="G186" s="157">
        <v>0.72399999999999998</v>
      </c>
      <c r="H186" s="94">
        <v>1.5565500198871337E-2</v>
      </c>
      <c r="I186" s="157">
        <v>2.8000000000000001E-2</v>
      </c>
      <c r="J186" s="94">
        <v>5.7993921782532555E-3</v>
      </c>
    </row>
    <row r="187" spans="1:10">
      <c r="A187" s="49" t="s">
        <v>452</v>
      </c>
      <c r="B187" s="49">
        <v>555</v>
      </c>
      <c r="C187" s="156">
        <v>9.6000000000000002E-2</v>
      </c>
      <c r="D187" s="97">
        <v>2.5251716121202136E-2</v>
      </c>
      <c r="E187" s="156">
        <v>0.19700000000000001</v>
      </c>
      <c r="F187" s="97">
        <v>3.3783505464170936E-2</v>
      </c>
      <c r="G187" s="156">
        <v>0.66600000000000004</v>
      </c>
      <c r="H187" s="97">
        <v>3.9931690367111257E-2</v>
      </c>
      <c r="I187" s="156">
        <v>0.04</v>
      </c>
      <c r="J187" s="97">
        <v>1.7215342447872792E-2</v>
      </c>
    </row>
    <row r="188" spans="1:10">
      <c r="A188" s="45" t="s">
        <v>441</v>
      </c>
      <c r="B188" s="53">
        <v>140</v>
      </c>
      <c r="C188" s="157">
        <v>0.10199999999999999</v>
      </c>
      <c r="D188" s="94">
        <v>5.2776782804136578E-2</v>
      </c>
      <c r="E188" s="157">
        <v>0.154</v>
      </c>
      <c r="F188" s="94">
        <v>6.1653718332513936E-2</v>
      </c>
      <c r="G188" s="157">
        <v>0.65900000000000003</v>
      </c>
      <c r="H188" s="94">
        <v>7.9250655983186855E-2</v>
      </c>
      <c r="I188" s="157">
        <v>8.4000000000000005E-2</v>
      </c>
      <c r="J188" s="94">
        <v>4.8996794497765277E-2</v>
      </c>
    </row>
    <row r="189" spans="1:10">
      <c r="A189" s="49" t="s">
        <v>442</v>
      </c>
      <c r="B189" s="49">
        <v>103</v>
      </c>
      <c r="C189" s="156">
        <v>5.5E-2</v>
      </c>
      <c r="D189" s="97">
        <v>4.9861065720311397E-2</v>
      </c>
      <c r="E189" s="156">
        <v>0.23100000000000001</v>
      </c>
      <c r="F189" s="97">
        <v>8.2699330102631544E-2</v>
      </c>
      <c r="G189" s="156">
        <v>0.66600000000000004</v>
      </c>
      <c r="H189" s="97">
        <v>9.1603728471253282E-2</v>
      </c>
      <c r="I189" s="156">
        <v>4.8000000000000001E-2</v>
      </c>
      <c r="J189" s="97">
        <v>4.7630018877619897E-2</v>
      </c>
    </row>
    <row r="190" spans="1:10">
      <c r="A190" s="45" t="s">
        <v>443</v>
      </c>
      <c r="B190" s="53">
        <v>114</v>
      </c>
      <c r="C190" s="157">
        <v>0.17499999999999999</v>
      </c>
      <c r="D190" s="94">
        <v>7.1642862792955633E-2</v>
      </c>
      <c r="E190" s="157">
        <v>0.20599999999999999</v>
      </c>
      <c r="F190" s="94">
        <v>7.576161198990583E-2</v>
      </c>
      <c r="G190" s="157">
        <v>0.59799999999999998</v>
      </c>
      <c r="H190" s="94">
        <v>9.0392005558997526E-2</v>
      </c>
      <c r="I190" s="157">
        <v>2.1000000000000001E-2</v>
      </c>
      <c r="J190" s="94">
        <v>3.4860823773486808E-2</v>
      </c>
    </row>
    <row r="191" spans="1:10">
      <c r="A191" s="49" t="s">
        <v>444</v>
      </c>
      <c r="B191" s="49">
        <v>80</v>
      </c>
      <c r="C191" s="156">
        <v>1.9E-2</v>
      </c>
      <c r="D191" s="97">
        <v>4.3724654064610534E-2</v>
      </c>
      <c r="E191" s="156">
        <v>0.123</v>
      </c>
      <c r="F191" s="97">
        <v>7.5933808034879272E-2</v>
      </c>
      <c r="G191" s="156">
        <v>0.81</v>
      </c>
      <c r="H191" s="97">
        <v>8.8056926154721965E-2</v>
      </c>
      <c r="I191" s="156">
        <v>4.8000000000000001E-2</v>
      </c>
      <c r="J191" s="97">
        <v>5.5502144717507716E-2</v>
      </c>
    </row>
    <row r="192" spans="1:10">
      <c r="A192" s="45" t="s">
        <v>445</v>
      </c>
      <c r="B192" s="154">
        <v>118</v>
      </c>
      <c r="C192" s="157">
        <v>0.06</v>
      </c>
      <c r="D192" s="94">
        <v>4.7524615147290054E-2</v>
      </c>
      <c r="E192" s="157">
        <v>0.253</v>
      </c>
      <c r="F192" s="94">
        <v>7.9532652685759028E-2</v>
      </c>
      <c r="G192" s="157">
        <v>0.68600000000000005</v>
      </c>
      <c r="H192" s="94">
        <v>8.4472403129854698E-2</v>
      </c>
      <c r="I192" s="157">
        <v>0</v>
      </c>
      <c r="J192" s="94">
        <v>2.2993012239943496E-2</v>
      </c>
    </row>
    <row r="193" spans="1:10">
      <c r="A193" s="49" t="s">
        <v>453</v>
      </c>
      <c r="B193" s="155">
        <v>924</v>
      </c>
      <c r="C193" s="156">
        <v>8.3000000000000004E-2</v>
      </c>
      <c r="D193" s="97">
        <v>1.8289672562526005E-2</v>
      </c>
      <c r="E193" s="156">
        <v>0.13200000000000001</v>
      </c>
      <c r="F193" s="97">
        <v>2.2335696285313247E-2</v>
      </c>
      <c r="G193" s="156">
        <v>0.755</v>
      </c>
      <c r="H193" s="97">
        <v>2.8279268652494947E-2</v>
      </c>
      <c r="I193" s="156">
        <v>0.03</v>
      </c>
      <c r="J193" s="97">
        <v>1.155948003016115E-2</v>
      </c>
    </row>
    <row r="194" spans="1:10">
      <c r="A194" s="45" t="s">
        <v>446</v>
      </c>
      <c r="B194" s="83">
        <v>101</v>
      </c>
      <c r="C194" s="157">
        <v>6.2E-2</v>
      </c>
      <c r="D194" s="94">
        <v>5.2551751419524312E-2</v>
      </c>
      <c r="E194" s="157">
        <v>0.104</v>
      </c>
      <c r="F194" s="94">
        <v>6.3216726821693256E-2</v>
      </c>
      <c r="G194" s="157">
        <v>0.76500000000000001</v>
      </c>
      <c r="H194" s="94">
        <v>8.3955444500447271E-2</v>
      </c>
      <c r="I194" s="157">
        <v>7.0000000000000007E-2</v>
      </c>
      <c r="J194" s="94">
        <v>5.4831094218591669E-2</v>
      </c>
    </row>
    <row r="195" spans="1:10">
      <c r="A195" s="49" t="s">
        <v>447</v>
      </c>
      <c r="B195" s="155">
        <v>189</v>
      </c>
      <c r="C195" s="156">
        <v>4.1000000000000002E-2</v>
      </c>
      <c r="D195" s="97">
        <v>3.1528059682702836E-2</v>
      </c>
      <c r="E195" s="156">
        <v>8.1000000000000003E-2</v>
      </c>
      <c r="F195" s="97">
        <v>4.1134363209961229E-2</v>
      </c>
      <c r="G195" s="156">
        <v>0.86399999999999999</v>
      </c>
      <c r="H195" s="97">
        <v>5.0477337984948571E-2</v>
      </c>
      <c r="I195" s="156">
        <v>1.4E-2</v>
      </c>
      <c r="J195" s="97">
        <v>2.2065870175211152E-2</v>
      </c>
    </row>
    <row r="196" spans="1:10">
      <c r="A196" s="57" t="s">
        <v>448</v>
      </c>
      <c r="B196" s="154">
        <v>227</v>
      </c>
      <c r="C196" s="157">
        <v>0.11600000000000001</v>
      </c>
      <c r="D196" s="94">
        <v>4.3166141821271015E-2</v>
      </c>
      <c r="E196" s="157">
        <v>0.124</v>
      </c>
      <c r="F196" s="94">
        <v>4.4328124757020332E-2</v>
      </c>
      <c r="G196" s="157">
        <v>0.71199999999999997</v>
      </c>
      <c r="H196" s="94">
        <v>5.9811974644832094E-2</v>
      </c>
      <c r="I196" s="157">
        <v>4.7E-2</v>
      </c>
      <c r="J196" s="94">
        <v>2.995993700508864E-2</v>
      </c>
    </row>
    <row r="197" spans="1:10">
      <c r="A197" s="49" t="s">
        <v>449</v>
      </c>
      <c r="B197" s="155">
        <v>123</v>
      </c>
      <c r="C197" s="156">
        <v>0.114</v>
      </c>
      <c r="D197" s="97">
        <v>5.8925221656444635E-2</v>
      </c>
      <c r="E197" s="156">
        <v>0.112</v>
      </c>
      <c r="F197" s="97">
        <v>5.8535875443498732E-2</v>
      </c>
      <c r="G197" s="156">
        <v>0.755</v>
      </c>
      <c r="H197" s="97">
        <v>7.7155443480553101E-2</v>
      </c>
      <c r="I197" s="156">
        <v>1.9E-2</v>
      </c>
      <c r="J197" s="97">
        <v>3.2231158538753767E-2</v>
      </c>
    </row>
    <row r="198" spans="1:10">
      <c r="A198" s="57" t="s">
        <v>450</v>
      </c>
      <c r="B198" s="154">
        <v>120</v>
      </c>
      <c r="C198" s="157">
        <v>0.11899999999999999</v>
      </c>
      <c r="D198" s="94">
        <v>6.0655870597807041E-2</v>
      </c>
      <c r="E198" s="157">
        <v>0.183</v>
      </c>
      <c r="F198" s="94">
        <v>7.0913303309162762E-2</v>
      </c>
      <c r="G198" s="157">
        <v>0.65500000000000003</v>
      </c>
      <c r="H198" s="94">
        <v>8.5666269192835487E-2</v>
      </c>
      <c r="I198" s="157">
        <v>4.2999999999999997E-2</v>
      </c>
      <c r="J198" s="94">
        <v>4.1893799822441756E-2</v>
      </c>
    </row>
    <row r="199" spans="1:10">
      <c r="A199" s="49" t="s">
        <v>451</v>
      </c>
      <c r="B199" s="155">
        <v>164</v>
      </c>
      <c r="C199" s="156">
        <v>3.9E-2</v>
      </c>
      <c r="D199" s="97">
        <v>3.3622048768230731E-2</v>
      </c>
      <c r="E199" s="156">
        <v>0.20399999999999999</v>
      </c>
      <c r="F199" s="97">
        <v>6.2963806977453712E-2</v>
      </c>
      <c r="G199" s="156">
        <v>0.751</v>
      </c>
      <c r="H199" s="97">
        <v>6.7252780570315793E-2</v>
      </c>
      <c r="I199" s="156">
        <v>6.0000000000000001E-3</v>
      </c>
      <c r="J199" s="97">
        <v>2.0381141786052749E-2</v>
      </c>
    </row>
    <row r="200" spans="1:10">
      <c r="A200" s="57" t="s">
        <v>457</v>
      </c>
      <c r="B200" s="154">
        <v>61</v>
      </c>
      <c r="C200" s="157">
        <v>9.7000000000000003E-2</v>
      </c>
      <c r="D200" s="94">
        <v>8.1132279452945044E-2</v>
      </c>
      <c r="E200" s="157">
        <v>0.307</v>
      </c>
      <c r="F200" s="94">
        <v>0.11561060132542202</v>
      </c>
      <c r="G200" s="157">
        <v>0.59599999999999997</v>
      </c>
      <c r="H200" s="94">
        <v>0.12200463448818392</v>
      </c>
      <c r="I200" s="157">
        <v>0</v>
      </c>
      <c r="J200" s="94">
        <v>4.2839582851592964E-2</v>
      </c>
    </row>
    <row r="201" spans="1:10">
      <c r="A201" s="49" t="s">
        <v>460</v>
      </c>
      <c r="B201" s="155">
        <v>53</v>
      </c>
      <c r="C201" s="156">
        <v>7.0999999999999994E-2</v>
      </c>
      <c r="D201" s="97">
        <v>7.9860839016364746E-2</v>
      </c>
      <c r="E201" s="156">
        <v>0.35899999999999999</v>
      </c>
      <c r="F201" s="97">
        <v>0.12781878893603094</v>
      </c>
      <c r="G201" s="156">
        <v>0.50900000000000001</v>
      </c>
      <c r="H201" s="97">
        <v>0.13243468288220911</v>
      </c>
      <c r="I201" s="156">
        <v>6.0999999999999999E-2</v>
      </c>
      <c r="J201" s="97">
        <v>7.6492627358784732E-2</v>
      </c>
    </row>
    <row r="202" spans="1:10">
      <c r="A202" s="57" t="s">
        <v>458</v>
      </c>
      <c r="B202" s="154">
        <v>77</v>
      </c>
      <c r="C202" s="157">
        <v>8.1000000000000003E-2</v>
      </c>
      <c r="D202" s="94">
        <v>6.7164888581477164E-2</v>
      </c>
      <c r="E202" s="157">
        <v>0.189</v>
      </c>
      <c r="F202" s="94">
        <v>8.9607049556121976E-2</v>
      </c>
      <c r="G202" s="157">
        <v>0.63300000000000001</v>
      </c>
      <c r="H202" s="94">
        <v>0.10750019796749341</v>
      </c>
      <c r="I202" s="157">
        <v>9.7000000000000003E-2</v>
      </c>
      <c r="J202" s="94">
        <v>7.1400569186928553E-2</v>
      </c>
    </row>
  </sheetData>
  <mergeCells count="28">
    <mergeCell ref="A3:O3"/>
    <mergeCell ref="A4:O4"/>
    <mergeCell ref="E5:O5"/>
    <mergeCell ref="A90:I90"/>
    <mergeCell ref="A34:D34"/>
    <mergeCell ref="B63:H63"/>
    <mergeCell ref="I63:O63"/>
    <mergeCell ref="A61:V61"/>
    <mergeCell ref="A62:V62"/>
    <mergeCell ref="P63:V63"/>
    <mergeCell ref="A149:V149"/>
    <mergeCell ref="A5:D5"/>
    <mergeCell ref="A92:D92"/>
    <mergeCell ref="A119:D119"/>
    <mergeCell ref="A120:D120"/>
    <mergeCell ref="E92:I92"/>
    <mergeCell ref="A91:I91"/>
    <mergeCell ref="A121:D121"/>
    <mergeCell ref="A33:K33"/>
    <mergeCell ref="A32:K32"/>
    <mergeCell ref="E34:K34"/>
    <mergeCell ref="A148:V148"/>
    <mergeCell ref="B150:H150"/>
    <mergeCell ref="P150:V150"/>
    <mergeCell ref="I150:O150"/>
    <mergeCell ref="A179:J179"/>
    <mergeCell ref="A178:J178"/>
    <mergeCell ref="A177:J177"/>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15"/>
  <sheetViews>
    <sheetView zoomScaleNormal="100" workbookViewId="0"/>
  </sheetViews>
  <sheetFormatPr defaultColWidth="19.140625" defaultRowHeight="15"/>
  <cols>
    <col min="1" max="1" width="41.5703125" customWidth="1"/>
  </cols>
  <sheetData>
    <row r="1" spans="1:4" ht="31.5">
      <c r="A1" s="33" t="s">
        <v>40</v>
      </c>
    </row>
    <row r="3" spans="1:4" ht="18.75">
      <c r="A3" s="321" t="s">
        <v>11</v>
      </c>
      <c r="B3" s="321"/>
      <c r="C3" s="321"/>
      <c r="D3" s="321"/>
    </row>
    <row r="4" spans="1:4" ht="129.75" customHeight="1">
      <c r="A4" s="383" t="s">
        <v>261</v>
      </c>
      <c r="B4" s="383"/>
      <c r="C4" s="383"/>
      <c r="D4" s="383"/>
    </row>
    <row r="5" spans="1:4" ht="15.75" customHeight="1">
      <c r="A5" s="360" t="s">
        <v>141</v>
      </c>
      <c r="B5" s="360"/>
      <c r="C5" s="360"/>
      <c r="D5" s="360"/>
    </row>
    <row r="6" spans="1:4" ht="72">
      <c r="A6" s="37" t="s">
        <v>85</v>
      </c>
      <c r="B6" s="38" t="s">
        <v>86</v>
      </c>
      <c r="C6" s="39" t="s">
        <v>87</v>
      </c>
      <c r="D6" s="40" t="s">
        <v>88</v>
      </c>
    </row>
    <row r="7" spans="1:4" ht="72">
      <c r="A7" s="41"/>
      <c r="B7" s="42" t="s">
        <v>89</v>
      </c>
      <c r="C7" s="128" t="s">
        <v>142</v>
      </c>
      <c r="D7" s="44" t="s">
        <v>91</v>
      </c>
    </row>
    <row r="8" spans="1:4">
      <c r="A8" s="45" t="s">
        <v>436</v>
      </c>
      <c r="B8" s="158">
        <v>9254</v>
      </c>
      <c r="C8" s="159">
        <v>4.63</v>
      </c>
      <c r="D8" s="86">
        <v>1.9599999999999999E-2</v>
      </c>
    </row>
    <row r="9" spans="1:4">
      <c r="A9" s="49" t="s">
        <v>437</v>
      </c>
      <c r="B9" s="49">
        <v>8632</v>
      </c>
      <c r="C9" s="161">
        <v>4.58</v>
      </c>
      <c r="D9" s="87">
        <v>3.9199999999999999E-2</v>
      </c>
    </row>
    <row r="10" spans="1:4">
      <c r="A10" s="45" t="s">
        <v>438</v>
      </c>
      <c r="B10" s="53">
        <v>811</v>
      </c>
      <c r="C10" s="159">
        <v>4.53</v>
      </c>
      <c r="D10" s="86">
        <v>9.8000000000000004E-2</v>
      </c>
    </row>
    <row r="11" spans="1:4">
      <c r="A11" s="49" t="s">
        <v>439</v>
      </c>
      <c r="B11" s="49">
        <v>3489</v>
      </c>
      <c r="C11" s="161">
        <v>4.71</v>
      </c>
      <c r="D11" s="87">
        <v>3.9199999999999999E-2</v>
      </c>
    </row>
    <row r="12" spans="1:4">
      <c r="A12" s="45" t="s">
        <v>440</v>
      </c>
      <c r="B12" s="53">
        <v>3237</v>
      </c>
      <c r="C12" s="159">
        <v>4.7</v>
      </c>
      <c r="D12" s="86">
        <v>3.9199999999999999E-2</v>
      </c>
    </row>
    <row r="13" spans="1:4">
      <c r="A13" s="49" t="s">
        <v>452</v>
      </c>
      <c r="B13" s="49">
        <v>561</v>
      </c>
      <c r="C13" s="161">
        <v>4.68</v>
      </c>
      <c r="D13" s="87">
        <v>0.1176</v>
      </c>
    </row>
    <row r="14" spans="1:4">
      <c r="A14" s="45" t="s">
        <v>441</v>
      </c>
      <c r="B14" s="53">
        <v>143</v>
      </c>
      <c r="C14" s="159">
        <v>4.5599999999999996</v>
      </c>
      <c r="D14" s="86">
        <v>0.21559999999999999</v>
      </c>
    </row>
    <row r="15" spans="1:4">
      <c r="A15" s="49" t="s">
        <v>442</v>
      </c>
      <c r="B15" s="49">
        <v>104</v>
      </c>
      <c r="C15" s="161">
        <v>4.4400000000000004</v>
      </c>
      <c r="D15" s="87">
        <v>0.25480000000000003</v>
      </c>
    </row>
    <row r="16" spans="1:4">
      <c r="A16" s="45" t="s">
        <v>443</v>
      </c>
      <c r="B16" s="53">
        <v>116</v>
      </c>
      <c r="C16" s="159">
        <v>4.6900000000000004</v>
      </c>
      <c r="D16" s="86">
        <v>0.25480000000000003</v>
      </c>
    </row>
    <row r="17" spans="1:29">
      <c r="A17" s="49" t="s">
        <v>444</v>
      </c>
      <c r="B17" s="49">
        <v>80</v>
      </c>
      <c r="C17" s="161">
        <v>4.95</v>
      </c>
      <c r="D17" s="87">
        <v>0.29399999999999998</v>
      </c>
    </row>
    <row r="18" spans="1:29">
      <c r="A18" s="45" t="s">
        <v>445</v>
      </c>
      <c r="B18" s="158">
        <v>118</v>
      </c>
      <c r="C18" s="159">
        <v>4.87</v>
      </c>
      <c r="D18" s="86">
        <v>0.23519999999999999</v>
      </c>
    </row>
    <row r="19" spans="1:29">
      <c r="A19" s="49" t="s">
        <v>453</v>
      </c>
      <c r="B19" s="160">
        <v>931</v>
      </c>
      <c r="C19" s="161">
        <v>4.76</v>
      </c>
      <c r="D19" s="87">
        <v>7.8399999999999997E-2</v>
      </c>
    </row>
    <row r="20" spans="1:29">
      <c r="A20" s="45" t="s">
        <v>446</v>
      </c>
      <c r="B20" s="83">
        <v>102</v>
      </c>
      <c r="C20" s="159">
        <v>4.7</v>
      </c>
      <c r="D20" s="86">
        <v>0.29399999999999998</v>
      </c>
    </row>
    <row r="21" spans="1:29">
      <c r="A21" s="49" t="s">
        <v>447</v>
      </c>
      <c r="B21" s="160">
        <v>188</v>
      </c>
      <c r="C21" s="161">
        <v>4.88</v>
      </c>
      <c r="D21" s="87">
        <v>0.1764</v>
      </c>
    </row>
    <row r="22" spans="1:29">
      <c r="A22" s="57" t="s">
        <v>448</v>
      </c>
      <c r="B22" s="158">
        <v>233</v>
      </c>
      <c r="C22" s="159">
        <v>4.91</v>
      </c>
      <c r="D22" s="86">
        <v>0.1764</v>
      </c>
    </row>
    <row r="23" spans="1:29">
      <c r="A23" s="49" t="s">
        <v>449</v>
      </c>
      <c r="B23" s="160">
        <v>123</v>
      </c>
      <c r="C23" s="161">
        <v>4.83</v>
      </c>
      <c r="D23" s="87">
        <v>0.23519999999999999</v>
      </c>
    </row>
    <row r="24" spans="1:29">
      <c r="A24" s="57" t="s">
        <v>450</v>
      </c>
      <c r="B24" s="158">
        <v>121</v>
      </c>
      <c r="C24" s="159">
        <v>4.3899999999999997</v>
      </c>
      <c r="D24" s="86">
        <v>0.25480000000000003</v>
      </c>
    </row>
    <row r="25" spans="1:29">
      <c r="A25" s="49" t="s">
        <v>451</v>
      </c>
      <c r="B25" s="160">
        <v>164</v>
      </c>
      <c r="C25" s="161">
        <v>4.62</v>
      </c>
      <c r="D25" s="87">
        <v>0.21559999999999999</v>
      </c>
    </row>
    <row r="26" spans="1:29">
      <c r="A26" s="57" t="s">
        <v>457</v>
      </c>
      <c r="B26" s="158">
        <v>59</v>
      </c>
      <c r="C26" s="159">
        <v>4.58</v>
      </c>
      <c r="D26" s="86">
        <v>0.31359999999999999</v>
      </c>
    </row>
    <row r="27" spans="1:29">
      <c r="A27" s="49" t="s">
        <v>460</v>
      </c>
      <c r="B27" s="160">
        <v>55</v>
      </c>
      <c r="C27" s="161">
        <v>4.3099999999999996</v>
      </c>
      <c r="D27" s="87">
        <v>0.37240000000000001</v>
      </c>
    </row>
    <row r="28" spans="1:29">
      <c r="A28" s="57" t="s">
        <v>458</v>
      </c>
      <c r="B28" s="158">
        <v>78</v>
      </c>
      <c r="C28" s="159">
        <v>4.79</v>
      </c>
      <c r="D28" s="86">
        <v>0.3332</v>
      </c>
    </row>
    <row r="32" spans="1:29" ht="18.75">
      <c r="A32" s="322" t="s">
        <v>43</v>
      </c>
      <c r="B32" s="322"/>
      <c r="C32" s="322"/>
      <c r="D32" s="322"/>
      <c r="E32" s="322"/>
      <c r="F32" s="322"/>
      <c r="G32" s="322"/>
      <c r="H32" s="322"/>
      <c r="I32" s="322"/>
      <c r="J32" s="322"/>
      <c r="K32" s="322"/>
      <c r="L32" s="322"/>
      <c r="M32" s="322"/>
      <c r="N32" s="322"/>
      <c r="O32" s="322"/>
      <c r="P32" s="322"/>
      <c r="Q32" s="322"/>
      <c r="R32" s="322"/>
      <c r="S32" s="322"/>
      <c r="T32" s="228"/>
      <c r="U32" s="228"/>
      <c r="V32" s="228"/>
      <c r="W32" s="228"/>
      <c r="X32" s="228"/>
      <c r="Y32" s="228"/>
      <c r="Z32" s="228"/>
      <c r="AA32" s="228"/>
      <c r="AB32" s="228"/>
      <c r="AC32" s="228"/>
    </row>
    <row r="33" spans="1:29" ht="60.75" customHeight="1">
      <c r="A33" s="369" t="s">
        <v>380</v>
      </c>
      <c r="B33" s="369"/>
      <c r="C33" s="369"/>
      <c r="D33" s="369"/>
      <c r="E33" s="369"/>
      <c r="F33" s="369"/>
      <c r="G33" s="369"/>
      <c r="H33" s="369"/>
      <c r="I33" s="369"/>
      <c r="J33" s="369"/>
      <c r="K33" s="369"/>
      <c r="L33" s="369"/>
      <c r="M33" s="369"/>
      <c r="N33" s="369"/>
      <c r="O33" s="369"/>
      <c r="P33" s="369"/>
      <c r="Q33" s="369"/>
      <c r="R33" s="369"/>
      <c r="S33" s="369"/>
      <c r="T33" s="254"/>
      <c r="U33" s="254"/>
      <c r="V33" s="254"/>
      <c r="W33" s="254"/>
      <c r="X33" s="254"/>
      <c r="Y33" s="254"/>
      <c r="Z33" s="254"/>
      <c r="AA33" s="254"/>
      <c r="AB33" s="254"/>
      <c r="AC33" s="254"/>
    </row>
    <row r="34" spans="1:29" ht="33.75" customHeight="1">
      <c r="A34" s="64"/>
      <c r="B34" s="364" t="s">
        <v>143</v>
      </c>
      <c r="C34" s="365"/>
      <c r="D34" s="365"/>
      <c r="E34" s="365"/>
      <c r="F34" s="365"/>
      <c r="G34" s="365"/>
      <c r="H34" s="365"/>
      <c r="I34" s="365"/>
      <c r="J34" s="366"/>
      <c r="K34" s="367" t="s">
        <v>144</v>
      </c>
      <c r="L34" s="368"/>
      <c r="M34" s="368"/>
      <c r="N34" s="368"/>
      <c r="O34" s="368"/>
      <c r="P34" s="368"/>
      <c r="Q34" s="368"/>
      <c r="R34" s="368"/>
      <c r="S34" s="368"/>
    </row>
    <row r="35" spans="1:29" ht="41.25" customHeight="1">
      <c r="A35" s="37" t="s">
        <v>85</v>
      </c>
      <c r="B35" s="38" t="s">
        <v>86</v>
      </c>
      <c r="C35" s="38" t="s">
        <v>178</v>
      </c>
      <c r="D35" s="89" t="s">
        <v>101</v>
      </c>
      <c r="E35" s="38" t="s">
        <v>179</v>
      </c>
      <c r="F35" s="89" t="s">
        <v>102</v>
      </c>
      <c r="G35" s="38" t="s">
        <v>180</v>
      </c>
      <c r="H35" s="89" t="s">
        <v>103</v>
      </c>
      <c r="I35" s="38" t="s">
        <v>357</v>
      </c>
      <c r="J35" s="89" t="s">
        <v>356</v>
      </c>
      <c r="K35" s="65" t="s">
        <v>86</v>
      </c>
      <c r="L35" s="65" t="s">
        <v>178</v>
      </c>
      <c r="M35" s="88" t="s">
        <v>101</v>
      </c>
      <c r="N35" s="65" t="s">
        <v>179</v>
      </c>
      <c r="O35" s="88" t="s">
        <v>102</v>
      </c>
      <c r="P35" s="65" t="s">
        <v>180</v>
      </c>
      <c r="Q35" s="88" t="s">
        <v>103</v>
      </c>
      <c r="R35" s="65" t="s">
        <v>357</v>
      </c>
      <c r="S35" s="88" t="s">
        <v>356</v>
      </c>
    </row>
    <row r="36" spans="1:29" ht="77.25" customHeight="1">
      <c r="A36" s="41"/>
      <c r="B36" s="42" t="s">
        <v>89</v>
      </c>
      <c r="C36" s="42" t="s">
        <v>181</v>
      </c>
      <c r="D36" s="91" t="s">
        <v>145</v>
      </c>
      <c r="E36" s="42" t="s">
        <v>182</v>
      </c>
      <c r="F36" s="91" t="s">
        <v>146</v>
      </c>
      <c r="G36" s="42" t="s">
        <v>183</v>
      </c>
      <c r="H36" s="91" t="s">
        <v>147</v>
      </c>
      <c r="I36" s="42" t="s">
        <v>357</v>
      </c>
      <c r="J36" s="91" t="s">
        <v>104</v>
      </c>
      <c r="K36" s="68" t="s">
        <v>89</v>
      </c>
      <c r="L36" s="68" t="s">
        <v>181</v>
      </c>
      <c r="M36" s="90" t="s">
        <v>145</v>
      </c>
      <c r="N36" s="68" t="s">
        <v>182</v>
      </c>
      <c r="O36" s="90" t="s">
        <v>146</v>
      </c>
      <c r="P36" s="68" t="s">
        <v>183</v>
      </c>
      <c r="Q36" s="90" t="s">
        <v>147</v>
      </c>
      <c r="R36" s="68" t="s">
        <v>357</v>
      </c>
      <c r="S36" s="90" t="s">
        <v>104</v>
      </c>
    </row>
    <row r="37" spans="1:29">
      <c r="A37" s="45" t="s">
        <v>436</v>
      </c>
      <c r="B37" s="158">
        <v>9361</v>
      </c>
      <c r="C37" s="162">
        <v>0.26700000000000002</v>
      </c>
      <c r="D37" s="94">
        <v>9.1439777660970185E-3</v>
      </c>
      <c r="E37" s="162">
        <v>0.19500000000000001</v>
      </c>
      <c r="F37" s="94">
        <v>8.1903267237955959E-3</v>
      </c>
      <c r="G37" s="162">
        <v>0.47699999999999998</v>
      </c>
      <c r="H37" s="94">
        <v>1.0322538991586489E-2</v>
      </c>
      <c r="I37" s="93">
        <v>0.06</v>
      </c>
      <c r="J37" s="94">
        <v>4.9153147216839535E-3</v>
      </c>
      <c r="K37" s="158">
        <v>9393</v>
      </c>
      <c r="L37" s="162">
        <v>0.192</v>
      </c>
      <c r="M37" s="94">
        <v>8.128392502322843E-3</v>
      </c>
      <c r="N37" s="162">
        <v>0.126</v>
      </c>
      <c r="O37" s="94">
        <v>6.8503222862829711E-3</v>
      </c>
      <c r="P37" s="162">
        <v>0.61599999999999999</v>
      </c>
      <c r="Q37" s="94">
        <v>1.0034641565253173E-2</v>
      </c>
      <c r="R37" s="93">
        <v>6.6000000000000003E-2</v>
      </c>
      <c r="S37" s="94">
        <v>5.129142896626142E-3</v>
      </c>
    </row>
    <row r="38" spans="1:29">
      <c r="A38" s="49" t="s">
        <v>437</v>
      </c>
      <c r="B38" s="160">
        <v>8720</v>
      </c>
      <c r="C38" s="163">
        <v>0.27600000000000002</v>
      </c>
      <c r="D38" s="97">
        <v>9.5729540637198435E-3</v>
      </c>
      <c r="E38" s="163">
        <v>0.191</v>
      </c>
      <c r="F38" s="97">
        <v>8.4194959724816446E-3</v>
      </c>
      <c r="G38" s="163">
        <v>0.48</v>
      </c>
      <c r="H38" s="97">
        <v>1.0697807449970632E-2</v>
      </c>
      <c r="I38" s="96">
        <v>5.2999999999999999E-2</v>
      </c>
      <c r="J38" s="97">
        <v>4.8059160849244272E-3</v>
      </c>
      <c r="K38" s="160">
        <v>8750</v>
      </c>
      <c r="L38" s="163">
        <v>0.21</v>
      </c>
      <c r="M38" s="97">
        <v>8.7086426241989815E-3</v>
      </c>
      <c r="N38" s="163">
        <v>0.125</v>
      </c>
      <c r="O38" s="97">
        <v>7.0736031620931405E-3</v>
      </c>
      <c r="P38" s="163">
        <v>0.60299999999999998</v>
      </c>
      <c r="Q38" s="97">
        <v>1.0458982254780031E-2</v>
      </c>
      <c r="R38" s="96">
        <v>6.0999999999999999E-2</v>
      </c>
      <c r="S38" s="97">
        <v>5.1237855705285737E-3</v>
      </c>
    </row>
    <row r="39" spans="1:29">
      <c r="A39" s="45" t="s">
        <v>438</v>
      </c>
      <c r="B39" s="158">
        <v>836</v>
      </c>
      <c r="C39" s="162">
        <v>0.22600000000000001</v>
      </c>
      <c r="D39" s="94">
        <v>2.8920029895277095E-2</v>
      </c>
      <c r="E39" s="162">
        <v>0.18540000000000001</v>
      </c>
      <c r="F39" s="94">
        <v>2.6900805195460772E-2</v>
      </c>
      <c r="G39" s="162">
        <v>0.4914</v>
      </c>
      <c r="H39" s="94">
        <v>3.4498222363026659E-2</v>
      </c>
      <c r="I39" s="93">
        <v>9.7199999999999995E-2</v>
      </c>
      <c r="J39" s="94">
        <v>2.0620574380535005E-2</v>
      </c>
      <c r="K39" s="158">
        <v>840</v>
      </c>
      <c r="L39" s="162">
        <v>0.2414</v>
      </c>
      <c r="M39" s="94">
        <v>2.9510895595845101E-2</v>
      </c>
      <c r="N39" s="162">
        <v>0.152</v>
      </c>
      <c r="O39" s="94">
        <v>2.4825570163193846E-2</v>
      </c>
      <c r="P39" s="162">
        <v>0.50119999999999998</v>
      </c>
      <c r="Q39" s="94">
        <v>3.4421321344676507E-2</v>
      </c>
      <c r="R39" s="93">
        <v>0.10539999999999999</v>
      </c>
      <c r="S39" s="94">
        <v>2.1303856622659864E-2</v>
      </c>
    </row>
    <row r="40" spans="1:29">
      <c r="A40" s="49" t="s">
        <v>439</v>
      </c>
      <c r="B40" s="160">
        <v>3527</v>
      </c>
      <c r="C40" s="163">
        <v>0.253</v>
      </c>
      <c r="D40" s="97">
        <v>1.4637279584583086E-2</v>
      </c>
      <c r="E40" s="163">
        <v>0.21099999999999999</v>
      </c>
      <c r="F40" s="97">
        <v>1.3740654121274778E-2</v>
      </c>
      <c r="G40" s="163">
        <v>0.46300000000000002</v>
      </c>
      <c r="H40" s="97">
        <v>1.6782686521557694E-2</v>
      </c>
      <c r="I40" s="96">
        <v>7.3999999999999996E-2</v>
      </c>
      <c r="J40" s="97">
        <v>8.8369174707065064E-3</v>
      </c>
      <c r="K40" s="160">
        <v>3552</v>
      </c>
      <c r="L40" s="163">
        <v>0.156</v>
      </c>
      <c r="M40" s="97">
        <v>1.218206804145743E-2</v>
      </c>
      <c r="N40" s="163">
        <v>0.11899999999999999</v>
      </c>
      <c r="O40" s="97">
        <v>1.0876409066884899E-2</v>
      </c>
      <c r="P40" s="163">
        <v>0.64600000000000002</v>
      </c>
      <c r="Q40" s="97">
        <v>1.604030104553494E-2</v>
      </c>
      <c r="R40" s="96">
        <v>7.9000000000000001E-2</v>
      </c>
      <c r="S40" s="97">
        <v>9.0714894819031288E-3</v>
      </c>
    </row>
    <row r="41" spans="1:29">
      <c r="A41" s="45" t="s">
        <v>440</v>
      </c>
      <c r="B41" s="158">
        <v>3269</v>
      </c>
      <c r="C41" s="162">
        <v>0.26</v>
      </c>
      <c r="D41" s="94">
        <v>1.5339749540458442E-2</v>
      </c>
      <c r="E41" s="162">
        <v>0.20499999999999999</v>
      </c>
      <c r="F41" s="94">
        <v>1.4122141026911773E-2</v>
      </c>
      <c r="G41" s="162">
        <v>0.46400000000000002</v>
      </c>
      <c r="H41" s="94">
        <v>1.7434164611258171E-2</v>
      </c>
      <c r="I41" s="93">
        <v>7.0999999999999994E-2</v>
      </c>
      <c r="J41" s="94">
        <v>9.0088435102171228E-3</v>
      </c>
      <c r="K41" s="158">
        <v>3293</v>
      </c>
      <c r="L41" s="162">
        <v>0.157</v>
      </c>
      <c r="M41" s="94">
        <v>1.268532840022735E-2</v>
      </c>
      <c r="N41" s="162">
        <v>0.124</v>
      </c>
      <c r="O41" s="94">
        <v>1.1497877767533832E-2</v>
      </c>
      <c r="P41" s="162">
        <v>0.64200000000000002</v>
      </c>
      <c r="Q41" s="94">
        <v>1.6700356506961885E-2</v>
      </c>
      <c r="R41" s="93">
        <v>7.5999999999999998E-2</v>
      </c>
      <c r="S41" s="94">
        <v>9.2588530818504596E-3</v>
      </c>
    </row>
    <row r="42" spans="1:29">
      <c r="A42" s="49" t="s">
        <v>452</v>
      </c>
      <c r="B42" s="160">
        <v>565</v>
      </c>
      <c r="C42" s="163">
        <v>0.253</v>
      </c>
      <c r="D42" s="97">
        <v>3.6532072387613392E-2</v>
      </c>
      <c r="E42" s="163">
        <v>0.218</v>
      </c>
      <c r="F42" s="97">
        <v>3.4731220828955633E-2</v>
      </c>
      <c r="G42" s="163">
        <v>0.42599999999999999</v>
      </c>
      <c r="H42" s="97">
        <v>4.1467010674675939E-2</v>
      </c>
      <c r="I42" s="96">
        <v>0.10299999999999999</v>
      </c>
      <c r="J42" s="97">
        <v>2.5787989855222855E-2</v>
      </c>
      <c r="K42" s="160">
        <v>569</v>
      </c>
      <c r="L42" s="163">
        <v>0.14000000000000001</v>
      </c>
      <c r="M42" s="97">
        <v>2.920746138950963E-2</v>
      </c>
      <c r="N42" s="163">
        <v>0.14399999999999999</v>
      </c>
      <c r="O42" s="97">
        <v>2.9543030644475061E-2</v>
      </c>
      <c r="P42" s="163">
        <v>0.61799999999999999</v>
      </c>
      <c r="Q42" s="97">
        <v>4.0612219110298185E-2</v>
      </c>
      <c r="R42" s="96">
        <v>9.9000000000000005E-2</v>
      </c>
      <c r="S42" s="97">
        <v>2.5264562306522603E-2</v>
      </c>
    </row>
    <row r="43" spans="1:29">
      <c r="A43" s="45" t="s">
        <v>441</v>
      </c>
      <c r="B43" s="158">
        <v>146</v>
      </c>
      <c r="C43" s="162">
        <v>0.32</v>
      </c>
      <c r="D43" s="94">
        <v>7.6473081974422E-2</v>
      </c>
      <c r="E43" s="162">
        <v>0.25800000000000001</v>
      </c>
      <c r="F43" s="94">
        <v>7.2021805554007459E-2</v>
      </c>
      <c r="G43" s="162">
        <v>0.30499999999999999</v>
      </c>
      <c r="H43" s="94">
        <v>7.55382393228754E-2</v>
      </c>
      <c r="I43" s="93">
        <v>0.11700000000000001</v>
      </c>
      <c r="J43" s="94">
        <v>5.4413258471456033E-2</v>
      </c>
      <c r="K43" s="158">
        <v>145</v>
      </c>
      <c r="L43" s="162">
        <v>0.129</v>
      </c>
      <c r="M43" s="94">
        <v>5.6675201909552463E-2</v>
      </c>
      <c r="N43" s="162">
        <v>0.13200000000000001</v>
      </c>
      <c r="O43" s="94">
        <v>5.7170295183098511E-2</v>
      </c>
      <c r="P43" s="162">
        <v>0.625</v>
      </c>
      <c r="Q43" s="94">
        <v>7.9461723582135227E-2</v>
      </c>
      <c r="R43" s="93">
        <v>0.114</v>
      </c>
      <c r="S43" s="94">
        <v>5.4068414421441779E-2</v>
      </c>
    </row>
    <row r="44" spans="1:29">
      <c r="A44" s="49" t="s">
        <v>442</v>
      </c>
      <c r="B44" s="160">
        <v>107</v>
      </c>
      <c r="C44" s="163">
        <v>0.29199999999999998</v>
      </c>
      <c r="D44" s="97">
        <v>8.6949906604325999E-2</v>
      </c>
      <c r="E44" s="163">
        <v>9.6000000000000002E-2</v>
      </c>
      <c r="F44" s="97">
        <v>5.9528284953271768E-2</v>
      </c>
      <c r="G44" s="163">
        <v>0.40699999999999997</v>
      </c>
      <c r="H44" s="97">
        <v>9.3377683117227231E-2</v>
      </c>
      <c r="I44" s="96">
        <v>0.20499999999999999</v>
      </c>
      <c r="J44" s="97">
        <v>7.806997594892344E-2</v>
      </c>
      <c r="K44" s="160">
        <v>108</v>
      </c>
      <c r="L44" s="163">
        <v>0.13800000000000001</v>
      </c>
      <c r="M44" s="97">
        <v>6.7651717789166843E-2</v>
      </c>
      <c r="N44" s="163">
        <v>0.185</v>
      </c>
      <c r="O44" s="97">
        <v>7.5056154572997635E-2</v>
      </c>
      <c r="P44" s="163">
        <v>0.50800000000000001</v>
      </c>
      <c r="Q44" s="97">
        <v>9.4479871211491095E-2</v>
      </c>
      <c r="R44" s="96">
        <v>0.16800000000000001</v>
      </c>
      <c r="S44" s="97">
        <v>7.2582108928048852E-2</v>
      </c>
    </row>
    <row r="45" spans="1:29">
      <c r="A45" s="45" t="s">
        <v>443</v>
      </c>
      <c r="B45" s="158">
        <v>115</v>
      </c>
      <c r="C45" s="162">
        <v>0.249</v>
      </c>
      <c r="D45" s="94">
        <v>8.0160171338008609E-2</v>
      </c>
      <c r="E45" s="162">
        <v>0.17299999999999999</v>
      </c>
      <c r="F45" s="94">
        <v>7.103997904009593E-2</v>
      </c>
      <c r="G45" s="162">
        <v>0.51300000000000001</v>
      </c>
      <c r="H45" s="94">
        <v>9.1640908702486715E-2</v>
      </c>
      <c r="I45" s="93">
        <v>6.6000000000000003E-2</v>
      </c>
      <c r="J45" s="94">
        <v>4.9905379924631045E-2</v>
      </c>
      <c r="K45" s="158">
        <v>116</v>
      </c>
      <c r="L45" s="162">
        <v>0.16400000000000001</v>
      </c>
      <c r="M45" s="94">
        <v>6.9403400493059417E-2</v>
      </c>
      <c r="N45" s="162">
        <v>0.115</v>
      </c>
      <c r="O45" s="94">
        <v>6.0962275827548248E-2</v>
      </c>
      <c r="P45" s="162">
        <v>0.61299999999999999</v>
      </c>
      <c r="Q45" s="94">
        <v>8.9081999470317405E-2</v>
      </c>
      <c r="R45" s="93">
        <v>0.107</v>
      </c>
      <c r="S45" s="94">
        <v>5.9350930910980662E-2</v>
      </c>
    </row>
    <row r="46" spans="1:29">
      <c r="A46" s="49" t="s">
        <v>444</v>
      </c>
      <c r="B46" s="160">
        <v>80</v>
      </c>
      <c r="C46" s="163">
        <v>0.216</v>
      </c>
      <c r="D46" s="97">
        <v>9.176642979545499E-2</v>
      </c>
      <c r="E46" s="163">
        <v>0.26100000000000001</v>
      </c>
      <c r="F46" s="97">
        <v>9.7147303264043736E-2</v>
      </c>
      <c r="G46" s="163">
        <v>0.40799999999999997</v>
      </c>
      <c r="H46" s="97">
        <v>0.10742060246090311</v>
      </c>
      <c r="I46" s="96">
        <v>0.114</v>
      </c>
      <c r="J46" s="97">
        <v>7.3955017160582934E-2</v>
      </c>
      <c r="K46" s="160">
        <v>81</v>
      </c>
      <c r="L46" s="163">
        <v>8.4000000000000005E-2</v>
      </c>
      <c r="M46" s="97">
        <v>6.6100951431693061E-2</v>
      </c>
      <c r="N46" s="163">
        <v>0.20300000000000001</v>
      </c>
      <c r="O46" s="97">
        <v>8.9415798524923915E-2</v>
      </c>
      <c r="P46" s="163">
        <v>0.69499999999999995</v>
      </c>
      <c r="Q46" s="97">
        <v>0.10069630892632619</v>
      </c>
      <c r="R46" s="96">
        <v>1.7999999999999999E-2</v>
      </c>
      <c r="S46" s="97">
        <v>4.2855323837217171E-2</v>
      </c>
    </row>
    <row r="47" spans="1:29">
      <c r="A47" s="45" t="s">
        <v>445</v>
      </c>
      <c r="B47" s="158">
        <v>117</v>
      </c>
      <c r="C47" s="162">
        <v>0.157</v>
      </c>
      <c r="D47" s="94">
        <v>6.803034736554614E-2</v>
      </c>
      <c r="E47" s="162">
        <v>0.34300000000000003</v>
      </c>
      <c r="F47" s="94">
        <v>8.6617569075108328E-2</v>
      </c>
      <c r="G47" s="162">
        <v>0.47699999999999998</v>
      </c>
      <c r="H47" s="94">
        <v>9.0819118587219486E-2</v>
      </c>
      <c r="I47" s="93">
        <v>2.4E-2</v>
      </c>
      <c r="J47" s="94">
        <v>3.5515855741734693E-2</v>
      </c>
      <c r="K47" s="158">
        <v>119</v>
      </c>
      <c r="L47" s="162">
        <v>0.154</v>
      </c>
      <c r="M47" s="94">
        <v>6.6977437838831394E-2</v>
      </c>
      <c r="N47" s="162">
        <v>0.12</v>
      </c>
      <c r="O47" s="94">
        <v>6.1111428704181597E-2</v>
      </c>
      <c r="P47" s="162">
        <v>0.68500000000000005</v>
      </c>
      <c r="Q47" s="94">
        <v>8.4191964329650565E-2</v>
      </c>
      <c r="R47" s="93">
        <v>4.2000000000000003E-2</v>
      </c>
      <c r="S47" s="94">
        <v>4.1772650854912594E-2</v>
      </c>
    </row>
    <row r="48" spans="1:29">
      <c r="A48" s="49" t="s">
        <v>453</v>
      </c>
      <c r="B48" s="160">
        <v>943</v>
      </c>
      <c r="C48" s="163">
        <v>0.23</v>
      </c>
      <c r="D48" s="97">
        <v>2.7397850128912712E-2</v>
      </c>
      <c r="E48" s="163">
        <v>0.20799999999999999</v>
      </c>
      <c r="F48" s="97">
        <v>2.6435933276789739E-2</v>
      </c>
      <c r="G48" s="163">
        <v>0.49299999999999999</v>
      </c>
      <c r="H48" s="97">
        <v>3.2492475812611277E-2</v>
      </c>
      <c r="I48" s="96">
        <v>6.8000000000000005E-2</v>
      </c>
      <c r="J48" s="97">
        <v>1.656311337129119E-2</v>
      </c>
      <c r="K48" s="160">
        <v>950</v>
      </c>
      <c r="L48" s="163">
        <v>0.185</v>
      </c>
      <c r="M48" s="97">
        <v>2.5212333599431817E-2</v>
      </c>
      <c r="N48" s="163">
        <v>0.106</v>
      </c>
      <c r="O48" s="97">
        <v>2.0069380739140372E-2</v>
      </c>
      <c r="P48" s="163">
        <v>0.64900000000000002</v>
      </c>
      <c r="Q48" s="97">
        <v>3.0917810951056467E-2</v>
      </c>
      <c r="R48" s="96">
        <v>6.0999999999999999E-2</v>
      </c>
      <c r="S48" s="97">
        <v>1.5713861864543464E-2</v>
      </c>
    </row>
    <row r="49" spans="1:19">
      <c r="A49" s="45" t="s">
        <v>446</v>
      </c>
      <c r="B49" s="158">
        <v>102</v>
      </c>
      <c r="C49" s="162">
        <v>0.214</v>
      </c>
      <c r="D49" s="94">
        <v>8.1091796570138222E-2</v>
      </c>
      <c r="E49" s="162">
        <v>0.219</v>
      </c>
      <c r="F49" s="94">
        <v>8.1700299239764462E-2</v>
      </c>
      <c r="G49" s="162">
        <v>0.47899999999999998</v>
      </c>
      <c r="H49" s="94">
        <v>9.704922987988357E-2</v>
      </c>
      <c r="I49" s="93">
        <v>8.8999999999999996E-2</v>
      </c>
      <c r="J49" s="94">
        <v>5.9427206835504731E-2</v>
      </c>
      <c r="K49" s="158">
        <v>105</v>
      </c>
      <c r="L49" s="162">
        <v>0.21099999999999999</v>
      </c>
      <c r="M49" s="94">
        <v>7.9562220743778639E-2</v>
      </c>
      <c r="N49" s="162">
        <v>6.9000000000000006E-2</v>
      </c>
      <c r="O49" s="94">
        <v>5.3371700832164928E-2</v>
      </c>
      <c r="P49" s="162">
        <v>0.625</v>
      </c>
      <c r="Q49" s="94">
        <v>9.2963590977198848E-2</v>
      </c>
      <c r="R49" s="93">
        <v>9.5000000000000001E-2</v>
      </c>
      <c r="S49" s="94">
        <v>5.9905932870835892E-2</v>
      </c>
    </row>
    <row r="50" spans="1:19">
      <c r="A50" s="49" t="s">
        <v>447</v>
      </c>
      <c r="B50" s="160">
        <v>191</v>
      </c>
      <c r="C50" s="163">
        <v>0.25</v>
      </c>
      <c r="D50" s="97">
        <v>6.2435657805992459E-2</v>
      </c>
      <c r="E50" s="163">
        <v>0.11</v>
      </c>
      <c r="F50" s="97">
        <v>4.6204894845593009E-2</v>
      </c>
      <c r="G50" s="163">
        <v>0.61499999999999999</v>
      </c>
      <c r="H50" s="97">
        <v>6.9770613069200252E-2</v>
      </c>
      <c r="I50" s="96">
        <v>2.5999999999999999E-2</v>
      </c>
      <c r="J50" s="97">
        <v>2.6582021569715453E-2</v>
      </c>
      <c r="K50" s="160">
        <v>193</v>
      </c>
      <c r="L50" s="163">
        <v>0.17699999999999999</v>
      </c>
      <c r="M50" s="97">
        <v>5.5162832033425549E-2</v>
      </c>
      <c r="N50" s="163">
        <v>9.2999999999999999E-2</v>
      </c>
      <c r="O50" s="97">
        <v>4.298732428430304E-2</v>
      </c>
      <c r="P50" s="163">
        <v>0.65700000000000003</v>
      </c>
      <c r="Q50" s="97">
        <v>6.779212964223584E-2</v>
      </c>
      <c r="R50" s="96">
        <v>7.3999999999999996E-2</v>
      </c>
      <c r="S50" s="97">
        <v>3.9236046217536291E-2</v>
      </c>
    </row>
    <row r="51" spans="1:19">
      <c r="A51" s="57" t="s">
        <v>448</v>
      </c>
      <c r="B51" s="158">
        <v>235</v>
      </c>
      <c r="C51" s="162">
        <v>0.219</v>
      </c>
      <c r="D51" s="94">
        <v>5.391143030696758E-2</v>
      </c>
      <c r="E51" s="162">
        <v>0.19500000000000001</v>
      </c>
      <c r="F51" s="94">
        <v>5.1757844685000831E-2</v>
      </c>
      <c r="G51" s="162">
        <v>0.51</v>
      </c>
      <c r="H51" s="94">
        <v>6.4672114012704979E-2</v>
      </c>
      <c r="I51" s="93">
        <v>7.6999999999999999E-2</v>
      </c>
      <c r="J51" s="94">
        <v>3.590087141038574E-2</v>
      </c>
      <c r="K51" s="158">
        <v>237</v>
      </c>
      <c r="L51" s="162">
        <v>0.151</v>
      </c>
      <c r="M51" s="94">
        <v>4.6843720632995224E-2</v>
      </c>
      <c r="N51" s="162">
        <v>0.11</v>
      </c>
      <c r="O51" s="94">
        <v>4.1327969199850996E-2</v>
      </c>
      <c r="P51" s="162">
        <v>0.68799999999999994</v>
      </c>
      <c r="Q51" s="94">
        <v>5.9850367822550446E-2</v>
      </c>
      <c r="R51" s="93">
        <v>5.0999999999999997E-2</v>
      </c>
      <c r="S51" s="94">
        <v>3.0223404101612873E-2</v>
      </c>
    </row>
    <row r="52" spans="1:19">
      <c r="A52" s="49" t="s">
        <v>449</v>
      </c>
      <c r="B52" s="160">
        <v>124</v>
      </c>
      <c r="C52" s="163">
        <v>0.20899999999999999</v>
      </c>
      <c r="D52" s="97">
        <v>7.3000185404502899E-2</v>
      </c>
      <c r="E52" s="163">
        <v>0.21199999999999999</v>
      </c>
      <c r="F52" s="97">
        <v>7.3348270259086551E-2</v>
      </c>
      <c r="G52" s="163">
        <v>0.51800000000000002</v>
      </c>
      <c r="H52" s="97">
        <v>8.8334579439790659E-2</v>
      </c>
      <c r="I52" s="96">
        <v>6.0999999999999999E-2</v>
      </c>
      <c r="J52" s="97">
        <v>4.6481131386307412E-2</v>
      </c>
      <c r="K52" s="160">
        <v>124</v>
      </c>
      <c r="L52" s="163">
        <v>0.154</v>
      </c>
      <c r="M52" s="97">
        <v>6.5586140838725882E-2</v>
      </c>
      <c r="N52" s="163">
        <v>0.13500000000000001</v>
      </c>
      <c r="O52" s="97">
        <v>6.2492864582920964E-2</v>
      </c>
      <c r="P52" s="163">
        <v>0.64</v>
      </c>
      <c r="Q52" s="97">
        <v>8.5074573789521574E-2</v>
      </c>
      <c r="R52" s="96">
        <v>7.0999999999999994E-2</v>
      </c>
      <c r="S52" s="97">
        <v>4.9143232927121271E-2</v>
      </c>
    </row>
    <row r="53" spans="1:19">
      <c r="A53" s="57" t="s">
        <v>450</v>
      </c>
      <c r="B53" s="158">
        <v>124</v>
      </c>
      <c r="C53" s="162">
        <v>0.29699999999999999</v>
      </c>
      <c r="D53" s="94">
        <v>8.1264675470022307E-2</v>
      </c>
      <c r="E53" s="162">
        <v>0.18099999999999999</v>
      </c>
      <c r="F53" s="94">
        <v>6.9484640057047298E-2</v>
      </c>
      <c r="G53" s="162">
        <v>0.39500000000000002</v>
      </c>
      <c r="H53" s="94">
        <v>8.653996473783758E-2</v>
      </c>
      <c r="I53" s="93">
        <v>0.127</v>
      </c>
      <c r="J53" s="94">
        <v>6.1091809581956626E-2</v>
      </c>
      <c r="K53" s="158">
        <v>124</v>
      </c>
      <c r="L53" s="162">
        <v>0.28799999999999998</v>
      </c>
      <c r="M53" s="94">
        <v>8.0587900257847331E-2</v>
      </c>
      <c r="N53" s="162">
        <v>9.0999999999999998E-2</v>
      </c>
      <c r="O53" s="94">
        <v>5.3912748419447806E-2</v>
      </c>
      <c r="P53" s="162">
        <v>0.58599999999999997</v>
      </c>
      <c r="Q53" s="94">
        <v>8.715270853216317E-2</v>
      </c>
      <c r="R53" s="93">
        <v>3.5000000000000003E-2</v>
      </c>
      <c r="S53" s="94">
        <v>3.83560235138488E-2</v>
      </c>
    </row>
    <row r="54" spans="1:19">
      <c r="A54" s="49" t="s">
        <v>451</v>
      </c>
      <c r="B54" s="160">
        <v>167</v>
      </c>
      <c r="C54" s="163">
        <v>0.17899999999999999</v>
      </c>
      <c r="D54" s="97">
        <v>5.9574171161209666E-2</v>
      </c>
      <c r="E54" s="163">
        <v>0.40500000000000003</v>
      </c>
      <c r="F54" s="97">
        <v>7.5143882873776047E-2</v>
      </c>
      <c r="G54" s="163">
        <v>0.35399999999999998</v>
      </c>
      <c r="H54" s="97">
        <v>7.3296573903812973E-2</v>
      </c>
      <c r="I54" s="96">
        <v>6.2E-2</v>
      </c>
      <c r="J54" s="97">
        <v>3.9596262239508205E-2</v>
      </c>
      <c r="K54" s="160">
        <v>167</v>
      </c>
      <c r="L54" s="163">
        <v>0.17100000000000001</v>
      </c>
      <c r="M54" s="97">
        <v>5.8592393066918096E-2</v>
      </c>
      <c r="N54" s="163">
        <v>0.126</v>
      </c>
      <c r="O54" s="97">
        <v>5.2223399903074182E-2</v>
      </c>
      <c r="P54" s="163">
        <v>0.64200000000000002</v>
      </c>
      <c r="Q54" s="97">
        <v>7.3471689539830826E-2</v>
      </c>
      <c r="R54" s="96">
        <v>6.0999999999999999E-2</v>
      </c>
      <c r="S54" s="97">
        <v>3.9348416570799696E-2</v>
      </c>
    </row>
    <row r="55" spans="1:19">
      <c r="A55" s="57" t="s">
        <v>457</v>
      </c>
      <c r="B55" s="158">
        <v>61</v>
      </c>
      <c r="C55" s="162">
        <v>0.27400000000000002</v>
      </c>
      <c r="D55" s="94">
        <v>0.11232284595828812</v>
      </c>
      <c r="E55" s="162">
        <v>0.34100000000000003</v>
      </c>
      <c r="F55" s="94">
        <v>0.11838263100097407</v>
      </c>
      <c r="G55" s="162">
        <v>0.35</v>
      </c>
      <c r="H55" s="94">
        <v>0.11901752260613083</v>
      </c>
      <c r="I55" s="93">
        <v>3.5999999999999997E-2</v>
      </c>
      <c r="J55" s="94">
        <v>6.0959833989573935E-2</v>
      </c>
      <c r="K55" s="158">
        <v>60</v>
      </c>
      <c r="L55" s="162">
        <v>0.13100000000000001</v>
      </c>
      <c r="M55" s="94">
        <v>9.0252162748930151E-2</v>
      </c>
      <c r="N55" s="162">
        <v>0.11600000000000001</v>
      </c>
      <c r="O55" s="94">
        <v>8.6746757864487364E-2</v>
      </c>
      <c r="P55" s="162">
        <v>0.69899999999999995</v>
      </c>
      <c r="Q55" s="94">
        <v>0.11597263513264401</v>
      </c>
      <c r="R55" s="93">
        <v>5.5E-2</v>
      </c>
      <c r="S55" s="94">
        <v>6.8899650690220304E-2</v>
      </c>
    </row>
    <row r="56" spans="1:19">
      <c r="A56" s="49" t="s">
        <v>460</v>
      </c>
      <c r="B56" s="160">
        <v>56</v>
      </c>
      <c r="C56" s="163">
        <v>0.24199999999999999</v>
      </c>
      <c r="D56" s="97">
        <v>0.11314161038274115</v>
      </c>
      <c r="E56" s="163">
        <v>0.186</v>
      </c>
      <c r="F56" s="97">
        <v>0.10459825648288436</v>
      </c>
      <c r="G56" s="163">
        <v>0.499</v>
      </c>
      <c r="H56" s="97">
        <v>0.12909921995346291</v>
      </c>
      <c r="I56" s="96">
        <v>7.3999999999999996E-2</v>
      </c>
      <c r="J56" s="97">
        <v>7.8279090439273752E-2</v>
      </c>
      <c r="K56" s="160">
        <v>56</v>
      </c>
      <c r="L56" s="163">
        <v>0.30399999999999999</v>
      </c>
      <c r="M56" s="97">
        <v>0.1201486289436423</v>
      </c>
      <c r="N56" s="163">
        <v>4.9000000000000002E-2</v>
      </c>
      <c r="O56" s="97">
        <v>6.9673107623572567E-2</v>
      </c>
      <c r="P56" s="163">
        <v>0.48899999999999999</v>
      </c>
      <c r="Q56" s="97">
        <v>0.129072226693831</v>
      </c>
      <c r="R56" s="96">
        <v>0.158</v>
      </c>
      <c r="S56" s="97">
        <v>9.9368459113879121E-2</v>
      </c>
    </row>
    <row r="57" spans="1:19">
      <c r="A57" s="57" t="s">
        <v>458</v>
      </c>
      <c r="B57" s="158">
        <v>81</v>
      </c>
      <c r="C57" s="162">
        <v>0.124</v>
      </c>
      <c r="D57" s="94">
        <v>7.5651490299470214E-2</v>
      </c>
      <c r="E57" s="162">
        <v>0.315</v>
      </c>
      <c r="F57" s="94">
        <v>0.10149943705043421</v>
      </c>
      <c r="G57" s="162">
        <v>0.39800000000000002</v>
      </c>
      <c r="H57" s="94">
        <v>0.10639596631009478</v>
      </c>
      <c r="I57" s="93">
        <v>0.16300000000000001</v>
      </c>
      <c r="J57" s="94">
        <v>8.3135140096276983E-2</v>
      </c>
      <c r="K57" s="158">
        <v>83</v>
      </c>
      <c r="L57" s="162">
        <v>0.13300000000000001</v>
      </c>
      <c r="M57" s="94">
        <v>7.65375659448604E-2</v>
      </c>
      <c r="N57" s="162">
        <v>0.12</v>
      </c>
      <c r="O57" s="94">
        <v>7.3835142815095317E-2</v>
      </c>
      <c r="P57" s="162">
        <v>0.61099999999999999</v>
      </c>
      <c r="Q57" s="94">
        <v>0.10477911530363861</v>
      </c>
      <c r="R57" s="93">
        <v>0.13700000000000001</v>
      </c>
      <c r="S57" s="94">
        <v>7.733169193622666E-2</v>
      </c>
    </row>
    <row r="61" spans="1:19" ht="18.75">
      <c r="A61" s="322" t="s">
        <v>262</v>
      </c>
      <c r="B61" s="322"/>
      <c r="C61" s="322"/>
      <c r="D61" s="322"/>
      <c r="E61" s="322"/>
      <c r="F61" s="322"/>
      <c r="G61" s="322"/>
      <c r="H61" s="322"/>
      <c r="I61" s="322"/>
      <c r="J61" s="322"/>
      <c r="K61" s="322"/>
      <c r="L61" s="322"/>
    </row>
    <row r="62" spans="1:19" ht="69" customHeight="1">
      <c r="A62" s="369" t="s">
        <v>378</v>
      </c>
      <c r="B62" s="369"/>
      <c r="C62" s="369"/>
      <c r="D62" s="369"/>
      <c r="E62" s="369"/>
      <c r="F62" s="369"/>
      <c r="G62" s="369"/>
      <c r="H62" s="369"/>
      <c r="I62" s="369"/>
      <c r="J62" s="369"/>
      <c r="K62" s="369"/>
      <c r="L62" s="369"/>
    </row>
    <row r="63" spans="1:19" ht="46.5" customHeight="1">
      <c r="A63" s="367" t="s">
        <v>263</v>
      </c>
      <c r="B63" s="368"/>
      <c r="C63" s="368"/>
      <c r="D63" s="368"/>
      <c r="E63" s="368"/>
      <c r="F63" s="368"/>
      <c r="G63" s="368"/>
      <c r="H63" s="368"/>
      <c r="I63" s="368"/>
      <c r="J63" s="368"/>
      <c r="K63" s="368"/>
      <c r="L63" s="368"/>
    </row>
    <row r="64" spans="1:19" ht="72">
      <c r="A64" s="37" t="s">
        <v>85</v>
      </c>
      <c r="B64" s="38" t="s">
        <v>86</v>
      </c>
      <c r="C64" s="39" t="s">
        <v>87</v>
      </c>
      <c r="D64" s="40" t="s">
        <v>88</v>
      </c>
      <c r="E64" s="38" t="s">
        <v>178</v>
      </c>
      <c r="F64" s="89" t="s">
        <v>101</v>
      </c>
      <c r="G64" s="38" t="s">
        <v>179</v>
      </c>
      <c r="H64" s="89" t="s">
        <v>102</v>
      </c>
      <c r="I64" s="38" t="s">
        <v>180</v>
      </c>
      <c r="J64" s="89" t="s">
        <v>103</v>
      </c>
      <c r="K64" s="38" t="s">
        <v>357</v>
      </c>
      <c r="L64" s="89" t="s">
        <v>356</v>
      </c>
    </row>
    <row r="65" spans="1:12" ht="84">
      <c r="A65" s="41"/>
      <c r="B65" s="42" t="s">
        <v>89</v>
      </c>
      <c r="C65" s="128" t="s">
        <v>361</v>
      </c>
      <c r="D65" s="44" t="s">
        <v>91</v>
      </c>
      <c r="E65" s="42" t="s">
        <v>181</v>
      </c>
      <c r="F65" s="91" t="s">
        <v>145</v>
      </c>
      <c r="G65" s="42" t="s">
        <v>182</v>
      </c>
      <c r="H65" s="91" t="s">
        <v>146</v>
      </c>
      <c r="I65" s="42" t="s">
        <v>183</v>
      </c>
      <c r="J65" s="91" t="s">
        <v>147</v>
      </c>
      <c r="K65" s="42" t="s">
        <v>357</v>
      </c>
      <c r="L65" s="91" t="s">
        <v>104</v>
      </c>
    </row>
    <row r="66" spans="1:12">
      <c r="A66" s="45" t="s">
        <v>436</v>
      </c>
      <c r="B66" s="158">
        <v>9321</v>
      </c>
      <c r="C66" s="159">
        <v>3.68</v>
      </c>
      <c r="D66" s="86">
        <v>3.9199999999999999E-2</v>
      </c>
      <c r="E66" s="162">
        <v>0.47899999999999998</v>
      </c>
      <c r="F66" s="94">
        <v>1.034647762536532E-2</v>
      </c>
      <c r="G66" s="162">
        <v>0.156</v>
      </c>
      <c r="H66" s="94">
        <v>7.5180711612020104E-3</v>
      </c>
      <c r="I66" s="162">
        <v>0.33800000000000002</v>
      </c>
      <c r="J66" s="94">
        <v>9.7974885468451196E-3</v>
      </c>
      <c r="K66" s="93">
        <v>2.7E-2</v>
      </c>
      <c r="L66" s="94">
        <v>3.3691804826515991E-3</v>
      </c>
    </row>
    <row r="67" spans="1:12">
      <c r="A67" s="49" t="s">
        <v>437</v>
      </c>
      <c r="B67" s="49">
        <v>8681</v>
      </c>
      <c r="C67" s="161">
        <v>3.67</v>
      </c>
      <c r="D67" s="87">
        <v>3.9199999999999999E-2</v>
      </c>
      <c r="E67" s="163">
        <v>0.47599999999999998</v>
      </c>
      <c r="F67" s="97">
        <v>1.0718022537515422E-2</v>
      </c>
      <c r="G67" s="163">
        <v>0.161</v>
      </c>
      <c r="H67" s="97">
        <v>7.890582556962648E-3</v>
      </c>
      <c r="I67" s="163">
        <v>0.33600000000000002</v>
      </c>
      <c r="J67" s="97">
        <v>1.0137313302674035E-2</v>
      </c>
      <c r="K67" s="96">
        <v>2.5999999999999999E-2</v>
      </c>
      <c r="L67" s="97">
        <v>3.4290847017341246E-3</v>
      </c>
    </row>
    <row r="68" spans="1:12">
      <c r="A68" s="45" t="s">
        <v>438</v>
      </c>
      <c r="B68" s="53">
        <v>835</v>
      </c>
      <c r="C68" s="159">
        <v>3.18</v>
      </c>
      <c r="D68" s="86">
        <v>0.13720000000000002</v>
      </c>
      <c r="E68" s="162">
        <v>0.58130000000000004</v>
      </c>
      <c r="F68" s="94">
        <v>3.4068792791810305E-2</v>
      </c>
      <c r="G68" s="162">
        <v>0.17349999999999999</v>
      </c>
      <c r="H68" s="94">
        <v>2.6239185552017152E-2</v>
      </c>
      <c r="I68" s="162">
        <v>0.22140000000000001</v>
      </c>
      <c r="J68" s="94">
        <v>2.8729171902674194E-2</v>
      </c>
      <c r="K68" s="93">
        <v>2.3900000000000001E-2</v>
      </c>
      <c r="L68" s="94">
        <v>1.1022781537237283E-2</v>
      </c>
    </row>
    <row r="69" spans="1:12">
      <c r="A69" s="49" t="s">
        <v>439</v>
      </c>
      <c r="B69" s="49">
        <v>3513</v>
      </c>
      <c r="C69" s="161">
        <v>3.64</v>
      </c>
      <c r="D69" s="87">
        <v>5.8799999999999998E-2</v>
      </c>
      <c r="E69" s="163">
        <v>0.48799999999999999</v>
      </c>
      <c r="F69" s="97">
        <v>1.685733771785718E-2</v>
      </c>
      <c r="G69" s="163">
        <v>0.153</v>
      </c>
      <c r="H69" s="97">
        <v>1.2153165930435172E-2</v>
      </c>
      <c r="I69" s="163">
        <v>0.33300000000000002</v>
      </c>
      <c r="J69" s="97">
        <v>1.5896108614152159E-2</v>
      </c>
      <c r="K69" s="96">
        <v>2.5999999999999999E-2</v>
      </c>
      <c r="L69" s="97">
        <v>5.420584636647784E-3</v>
      </c>
    </row>
    <row r="70" spans="1:12">
      <c r="A70" s="45" t="s">
        <v>440</v>
      </c>
      <c r="B70" s="53">
        <v>3255</v>
      </c>
      <c r="C70" s="159">
        <v>3.66</v>
      </c>
      <c r="D70" s="86">
        <v>5.8799999999999998E-2</v>
      </c>
      <c r="E70" s="162">
        <v>0.48499999999999999</v>
      </c>
      <c r="F70" s="94">
        <v>1.7509057910172238E-2</v>
      </c>
      <c r="G70" s="162">
        <v>0.152</v>
      </c>
      <c r="H70" s="94">
        <v>1.259236980131003E-2</v>
      </c>
      <c r="I70" s="162">
        <v>0.33700000000000002</v>
      </c>
      <c r="J70" s="94">
        <v>1.6562384691234243E-2</v>
      </c>
      <c r="K70" s="93">
        <v>2.5999999999999999E-2</v>
      </c>
      <c r="L70" s="94">
        <v>5.635462046937656E-3</v>
      </c>
    </row>
    <row r="71" spans="1:12">
      <c r="A71" s="49" t="s">
        <v>452</v>
      </c>
      <c r="B71" s="49">
        <v>561</v>
      </c>
      <c r="C71" s="161">
        <v>3.37</v>
      </c>
      <c r="D71" s="87">
        <v>0.15679999999999999</v>
      </c>
      <c r="E71" s="163">
        <v>0.58399999999999996</v>
      </c>
      <c r="F71" s="97">
        <v>4.1480867051988043E-2</v>
      </c>
      <c r="G71" s="163">
        <v>0.11600000000000001</v>
      </c>
      <c r="H71" s="97">
        <v>2.721588316413218E-2</v>
      </c>
      <c r="I71" s="163">
        <v>0.28399999999999997</v>
      </c>
      <c r="J71" s="97">
        <v>3.80034723579551E-2</v>
      </c>
      <c r="K71" s="96">
        <v>1.4999999999999999E-2</v>
      </c>
      <c r="L71" s="97">
        <v>1.1318034685269587E-2</v>
      </c>
    </row>
    <row r="72" spans="1:12">
      <c r="A72" s="45" t="s">
        <v>441</v>
      </c>
      <c r="B72" s="53">
        <v>148</v>
      </c>
      <c r="C72" s="159">
        <v>3.73</v>
      </c>
      <c r="D72" s="86">
        <v>0.3332</v>
      </c>
      <c r="E72" s="162">
        <v>0.46700000000000003</v>
      </c>
      <c r="F72" s="94">
        <v>8.094305367198612E-2</v>
      </c>
      <c r="G72" s="162">
        <v>0.13100000000000001</v>
      </c>
      <c r="H72" s="94">
        <v>5.6408070087934595E-2</v>
      </c>
      <c r="I72" s="162">
        <v>0.39600000000000002</v>
      </c>
      <c r="J72" s="94">
        <v>7.9429838761073582E-2</v>
      </c>
      <c r="K72" s="93">
        <v>7.0000000000000001E-3</v>
      </c>
      <c r="L72" s="94">
        <v>2.2696357318199353E-2</v>
      </c>
    </row>
    <row r="73" spans="1:12">
      <c r="A73" s="49" t="s">
        <v>442</v>
      </c>
      <c r="B73" s="49">
        <v>106</v>
      </c>
      <c r="C73" s="161">
        <v>3.01</v>
      </c>
      <c r="D73" s="87">
        <v>0.39200000000000002</v>
      </c>
      <c r="E73" s="163">
        <v>0.67500000000000004</v>
      </c>
      <c r="F73" s="97">
        <v>8.9759633944218764E-2</v>
      </c>
      <c r="G73" s="163">
        <v>0.06</v>
      </c>
      <c r="H73" s="97">
        <v>5.0533157431532021E-2</v>
      </c>
      <c r="I73" s="163">
        <v>0.249</v>
      </c>
      <c r="J73" s="97">
        <v>8.344787895374145E-2</v>
      </c>
      <c r="K73" s="96">
        <v>1.6E-2</v>
      </c>
      <c r="L73" s="97">
        <v>3.4362262598802935E-2</v>
      </c>
    </row>
    <row r="74" spans="1:12">
      <c r="A74" s="45" t="s">
        <v>443</v>
      </c>
      <c r="B74" s="53">
        <v>111</v>
      </c>
      <c r="C74" s="159">
        <v>3.05</v>
      </c>
      <c r="D74" s="86">
        <v>0.3528</v>
      </c>
      <c r="E74" s="162">
        <v>0.67400000000000004</v>
      </c>
      <c r="F74" s="94">
        <v>8.7832553678336867E-2</v>
      </c>
      <c r="G74" s="162">
        <v>0.14899999999999999</v>
      </c>
      <c r="H74" s="94">
        <v>6.8580755850196795E-2</v>
      </c>
      <c r="I74" s="162">
        <v>0.16600000000000001</v>
      </c>
      <c r="J74" s="94">
        <v>7.1278865362214699E-2</v>
      </c>
      <c r="K74" s="93">
        <v>1.0999999999999999E-2</v>
      </c>
      <c r="L74" s="94">
        <v>3.077221141678927E-2</v>
      </c>
    </row>
    <row r="75" spans="1:12">
      <c r="A75" s="49" t="s">
        <v>444</v>
      </c>
      <c r="B75" s="49">
        <v>80</v>
      </c>
      <c r="C75" s="161">
        <v>3.61</v>
      </c>
      <c r="D75" s="87">
        <v>0.43119999999999997</v>
      </c>
      <c r="E75" s="163">
        <v>0.60799999999999998</v>
      </c>
      <c r="F75" s="97">
        <v>0.10677533337479377</v>
      </c>
      <c r="G75" s="163">
        <v>6.0999999999999999E-2</v>
      </c>
      <c r="H75" s="97">
        <v>5.9839615752715812E-2</v>
      </c>
      <c r="I75" s="163">
        <v>0.33100000000000002</v>
      </c>
      <c r="J75" s="97">
        <v>0.10330130019597542</v>
      </c>
      <c r="K75" s="96">
        <v>0</v>
      </c>
      <c r="L75" s="97">
        <v>3.326848242884628E-2</v>
      </c>
    </row>
    <row r="76" spans="1:12">
      <c r="A76" s="45" t="s">
        <v>445</v>
      </c>
      <c r="B76" s="158">
        <v>116</v>
      </c>
      <c r="C76" s="159">
        <v>3.64</v>
      </c>
      <c r="D76" s="86">
        <v>0.37240000000000001</v>
      </c>
      <c r="E76" s="162">
        <v>0.48</v>
      </c>
      <c r="F76" s="94">
        <v>9.1218825217572685E-2</v>
      </c>
      <c r="G76" s="162">
        <v>0.14499999999999999</v>
      </c>
      <c r="H76" s="94">
        <v>6.6391926941179846E-2</v>
      </c>
      <c r="I76" s="162">
        <v>0.33300000000000002</v>
      </c>
      <c r="J76" s="94">
        <v>8.6398163346390819E-2</v>
      </c>
      <c r="K76" s="93">
        <v>4.1000000000000002E-2</v>
      </c>
      <c r="L76" s="94">
        <v>4.2083373597340476E-2</v>
      </c>
    </row>
    <row r="77" spans="1:12">
      <c r="A77" s="49" t="s">
        <v>453</v>
      </c>
      <c r="B77" s="160">
        <v>937</v>
      </c>
      <c r="C77" s="161">
        <v>3.82</v>
      </c>
      <c r="D77" s="87">
        <v>0.13720000000000002</v>
      </c>
      <c r="E77" s="163">
        <v>0.442</v>
      </c>
      <c r="F77" s="97">
        <v>3.2380872233772957E-2</v>
      </c>
      <c r="G77" s="163">
        <v>0.16400000000000001</v>
      </c>
      <c r="H77" s="97">
        <v>2.4225451526206945E-2</v>
      </c>
      <c r="I77" s="163">
        <v>0.36499999999999999</v>
      </c>
      <c r="J77" s="97">
        <v>3.139881694563567E-2</v>
      </c>
      <c r="K77" s="96">
        <v>2.9000000000000001E-2</v>
      </c>
      <c r="L77" s="97">
        <v>1.1300361334406497E-2</v>
      </c>
    </row>
    <row r="78" spans="1:12">
      <c r="A78" s="45" t="s">
        <v>446</v>
      </c>
      <c r="B78" s="83">
        <v>101</v>
      </c>
      <c r="C78" s="159">
        <v>3.52</v>
      </c>
      <c r="D78" s="86">
        <v>0.41159999999999997</v>
      </c>
      <c r="E78" s="162">
        <v>0.47399999999999998</v>
      </c>
      <c r="F78" s="94">
        <v>9.7467850371058651E-2</v>
      </c>
      <c r="G78" s="162">
        <v>0.14199999999999999</v>
      </c>
      <c r="H78" s="94">
        <v>7.075507817514963E-2</v>
      </c>
      <c r="I78" s="162">
        <v>0.36499999999999999</v>
      </c>
      <c r="J78" s="94">
        <v>9.4241255236401408E-2</v>
      </c>
      <c r="K78" s="93">
        <v>1.7999999999999999E-2</v>
      </c>
      <c r="L78" s="94">
        <v>3.6535549104160341E-2</v>
      </c>
    </row>
    <row r="79" spans="1:12">
      <c r="A79" s="49" t="s">
        <v>447</v>
      </c>
      <c r="B79" s="160">
        <v>191</v>
      </c>
      <c r="C79" s="161">
        <v>3.99</v>
      </c>
      <c r="D79" s="87">
        <v>0.27440000000000003</v>
      </c>
      <c r="E79" s="163">
        <v>0.45</v>
      </c>
      <c r="F79" s="97">
        <v>7.1267140939591522E-2</v>
      </c>
      <c r="G79" s="163">
        <v>0.126</v>
      </c>
      <c r="H79" s="97">
        <v>4.8738684920138824E-2</v>
      </c>
      <c r="I79" s="163">
        <v>0.39300000000000002</v>
      </c>
      <c r="J79" s="97">
        <v>7.002063946300649E-2</v>
      </c>
      <c r="K79" s="96">
        <v>0.03</v>
      </c>
      <c r="L79" s="97">
        <v>2.794485952532812E-2</v>
      </c>
    </row>
    <row r="80" spans="1:12">
      <c r="A80" s="57" t="s">
        <v>448</v>
      </c>
      <c r="B80" s="158">
        <v>235</v>
      </c>
      <c r="C80" s="159">
        <v>4.03</v>
      </c>
      <c r="D80" s="86">
        <v>0.25480000000000003</v>
      </c>
      <c r="E80" s="162">
        <v>0.379</v>
      </c>
      <c r="F80" s="94">
        <v>6.2826715830218163E-2</v>
      </c>
      <c r="G80" s="162">
        <v>0.215</v>
      </c>
      <c r="H80" s="94">
        <v>5.3570596560882297E-2</v>
      </c>
      <c r="I80" s="162">
        <v>0.38300000000000001</v>
      </c>
      <c r="J80" s="94">
        <v>6.2949189155780044E-2</v>
      </c>
      <c r="K80" s="93">
        <v>2.3E-2</v>
      </c>
      <c r="L80" s="94">
        <v>2.2416110828782292E-2</v>
      </c>
    </row>
    <row r="81" spans="1:26">
      <c r="A81" s="49" t="s">
        <v>449</v>
      </c>
      <c r="B81" s="160">
        <v>121</v>
      </c>
      <c r="C81" s="161">
        <v>3.85</v>
      </c>
      <c r="D81" s="87">
        <v>0.3528</v>
      </c>
      <c r="E81" s="163">
        <v>0.433</v>
      </c>
      <c r="F81" s="97">
        <v>8.8687081226343223E-2</v>
      </c>
      <c r="G81" s="163">
        <v>0.152</v>
      </c>
      <c r="H81" s="97">
        <v>6.6096328613078043E-2</v>
      </c>
      <c r="I81" s="163">
        <v>0.40699999999999997</v>
      </c>
      <c r="J81" s="97">
        <v>8.7981030578005853E-2</v>
      </c>
      <c r="K81" s="96">
        <v>8.0000000000000002E-3</v>
      </c>
      <c r="L81" s="97">
        <v>2.7235401940268848E-2</v>
      </c>
    </row>
    <row r="82" spans="1:26">
      <c r="A82" s="57" t="s">
        <v>450</v>
      </c>
      <c r="B82" s="158">
        <v>123</v>
      </c>
      <c r="C82" s="159">
        <v>3.43</v>
      </c>
      <c r="D82" s="86">
        <v>0.3528</v>
      </c>
      <c r="E82" s="162">
        <v>0.46600000000000003</v>
      </c>
      <c r="F82" s="94">
        <v>8.8543004746587134E-2</v>
      </c>
      <c r="G82" s="162">
        <v>0.161</v>
      </c>
      <c r="H82" s="94">
        <v>6.6924358817675111E-2</v>
      </c>
      <c r="I82" s="162">
        <v>0.34200000000000003</v>
      </c>
      <c r="J82" s="94">
        <v>8.4477788367230897E-2</v>
      </c>
      <c r="K82" s="93">
        <v>3.1E-2</v>
      </c>
      <c r="L82" s="94">
        <v>3.7089637865780754E-2</v>
      </c>
    </row>
    <row r="83" spans="1:26">
      <c r="A83" s="49" t="s">
        <v>451</v>
      </c>
      <c r="B83" s="160">
        <v>166</v>
      </c>
      <c r="C83" s="161">
        <v>3.67</v>
      </c>
      <c r="D83" s="87">
        <v>0.31359999999999999</v>
      </c>
      <c r="E83" s="163">
        <v>0.51200000000000001</v>
      </c>
      <c r="F83" s="97">
        <v>7.667543463463071E-2</v>
      </c>
      <c r="G83" s="163">
        <v>0.151</v>
      </c>
      <c r="H83" s="97">
        <v>5.6122424727527292E-2</v>
      </c>
      <c r="I83" s="163">
        <v>0.28499999999999998</v>
      </c>
      <c r="J83" s="97">
        <v>6.9608096625429897E-2</v>
      </c>
      <c r="K83" s="96">
        <v>5.1999999999999998E-2</v>
      </c>
      <c r="L83" s="97">
        <v>3.7141946388943171E-2</v>
      </c>
    </row>
    <row r="84" spans="1:26">
      <c r="A84" s="57" t="s">
        <v>457</v>
      </c>
      <c r="B84" s="158">
        <v>60</v>
      </c>
      <c r="C84" s="159">
        <v>3.12</v>
      </c>
      <c r="D84" s="86">
        <v>0.49</v>
      </c>
      <c r="E84" s="162">
        <v>0.63800000000000001</v>
      </c>
      <c r="F84" s="94">
        <v>0.12074304052796377</v>
      </c>
      <c r="G84" s="162">
        <v>0.182</v>
      </c>
      <c r="H84" s="94">
        <v>0.10034985188547862</v>
      </c>
      <c r="I84" s="162">
        <v>0.17100000000000001</v>
      </c>
      <c r="J84" s="94">
        <v>9.8382642204351139E-2</v>
      </c>
      <c r="K84" s="93">
        <v>8.9999999999999993E-3</v>
      </c>
      <c r="L84" s="94">
        <v>4.8805994985087385E-2</v>
      </c>
    </row>
    <row r="85" spans="1:26">
      <c r="A85" s="49" t="s">
        <v>460</v>
      </c>
      <c r="B85" s="160">
        <v>55</v>
      </c>
      <c r="C85" s="161">
        <v>3.32</v>
      </c>
      <c r="D85" s="87">
        <v>0.49</v>
      </c>
      <c r="E85" s="163">
        <v>0.56100000000000005</v>
      </c>
      <c r="F85" s="97">
        <v>0.1293442232346543</v>
      </c>
      <c r="G85" s="163">
        <v>0.14099999999999999</v>
      </c>
      <c r="H85" s="97">
        <v>9.6726770078404939E-2</v>
      </c>
      <c r="I85" s="163">
        <v>0.29799999999999999</v>
      </c>
      <c r="J85" s="97">
        <v>0.12060334061171143</v>
      </c>
      <c r="K85" s="96">
        <v>0</v>
      </c>
      <c r="L85" s="97">
        <v>4.7119904748779487E-2</v>
      </c>
    </row>
    <row r="86" spans="1:26">
      <c r="A86" s="57" t="s">
        <v>458</v>
      </c>
      <c r="B86" s="158">
        <v>82</v>
      </c>
      <c r="C86" s="159">
        <v>3.31</v>
      </c>
      <c r="D86" s="86">
        <v>0.47039999999999998</v>
      </c>
      <c r="E86" s="162">
        <v>0.56399999999999995</v>
      </c>
      <c r="F86" s="94">
        <v>0.10702665659042117</v>
      </c>
      <c r="G86" s="162">
        <v>0.123</v>
      </c>
      <c r="H86" s="94">
        <v>7.4952645570844245E-2</v>
      </c>
      <c r="I86" s="162">
        <v>0.23599999999999999</v>
      </c>
      <c r="J86" s="94">
        <v>9.3170654448519227E-2</v>
      </c>
      <c r="K86" s="93">
        <v>7.6999999999999999E-2</v>
      </c>
      <c r="L86" s="94">
        <v>6.3732170472384733E-2</v>
      </c>
    </row>
    <row r="90" spans="1:26" ht="18.75">
      <c r="A90" s="322" t="s">
        <v>44</v>
      </c>
      <c r="B90" s="322"/>
      <c r="C90" s="322"/>
      <c r="D90" s="322"/>
      <c r="E90" s="322"/>
      <c r="F90" s="322"/>
      <c r="G90" s="322"/>
      <c r="H90" s="322"/>
      <c r="I90" s="322"/>
      <c r="J90" s="322"/>
      <c r="K90" s="322"/>
      <c r="L90" s="322"/>
    </row>
    <row r="91" spans="1:26" ht="80.25" customHeight="1">
      <c r="A91" s="382" t="s">
        <v>379</v>
      </c>
      <c r="B91" s="382"/>
      <c r="C91" s="382"/>
      <c r="D91" s="382"/>
      <c r="E91" s="382"/>
      <c r="F91" s="382"/>
      <c r="G91" s="382"/>
      <c r="H91" s="382"/>
      <c r="I91" s="382"/>
      <c r="J91" s="382"/>
      <c r="K91" s="382"/>
      <c r="L91" s="382"/>
    </row>
    <row r="92" spans="1:26" ht="50.25" customHeight="1">
      <c r="A92" s="367" t="s">
        <v>317</v>
      </c>
      <c r="B92" s="368"/>
      <c r="C92" s="368"/>
      <c r="D92" s="368"/>
      <c r="E92" s="368"/>
      <c r="F92" s="368"/>
      <c r="G92" s="368"/>
      <c r="H92" s="368"/>
      <c r="I92" s="368"/>
      <c r="J92" s="368"/>
      <c r="K92" s="368"/>
      <c r="L92" s="368"/>
      <c r="N92" s="250"/>
      <c r="O92" s="250"/>
      <c r="P92" s="250"/>
      <c r="Q92" s="250"/>
      <c r="R92" s="250"/>
      <c r="S92" s="250"/>
      <c r="T92" s="250"/>
      <c r="U92" s="250"/>
      <c r="V92" s="250"/>
      <c r="W92" s="250"/>
      <c r="X92" s="250"/>
    </row>
    <row r="93" spans="1:26" ht="38.25" customHeight="1">
      <c r="A93" s="37" t="s">
        <v>85</v>
      </c>
      <c r="B93" s="38" t="s">
        <v>86</v>
      </c>
      <c r="C93" s="39" t="s">
        <v>87</v>
      </c>
      <c r="D93" s="40" t="s">
        <v>88</v>
      </c>
      <c r="E93" s="38" t="s">
        <v>427</v>
      </c>
      <c r="F93" s="40" t="s">
        <v>428</v>
      </c>
      <c r="G93" s="38" t="s">
        <v>423</v>
      </c>
      <c r="H93" s="40" t="s">
        <v>425</v>
      </c>
      <c r="I93" s="38" t="s">
        <v>429</v>
      </c>
      <c r="J93" s="40" t="s">
        <v>430</v>
      </c>
      <c r="K93" s="38" t="s">
        <v>357</v>
      </c>
      <c r="L93" s="89" t="s">
        <v>371</v>
      </c>
      <c r="P93" s="250"/>
      <c r="Q93" s="250"/>
      <c r="R93" s="250"/>
      <c r="S93" s="250"/>
      <c r="T93" s="250"/>
      <c r="U93" s="250"/>
      <c r="V93" s="250"/>
      <c r="W93" s="250"/>
      <c r="X93" s="250"/>
      <c r="Y93" s="250"/>
      <c r="Z93" s="250"/>
    </row>
    <row r="94" spans="1:26" ht="72">
      <c r="A94" s="41"/>
      <c r="B94" s="42" t="s">
        <v>89</v>
      </c>
      <c r="C94" s="128" t="s">
        <v>359</v>
      </c>
      <c r="D94" s="44" t="s">
        <v>91</v>
      </c>
      <c r="E94" s="42" t="s">
        <v>422</v>
      </c>
      <c r="F94" s="44" t="s">
        <v>104</v>
      </c>
      <c r="G94" s="42" t="s">
        <v>424</v>
      </c>
      <c r="H94" s="44" t="s">
        <v>104</v>
      </c>
      <c r="I94" s="42" t="s">
        <v>181</v>
      </c>
      <c r="J94" s="44" t="s">
        <v>104</v>
      </c>
      <c r="K94" s="42" t="s">
        <v>357</v>
      </c>
      <c r="L94" s="91" t="s">
        <v>104</v>
      </c>
      <c r="P94" s="255"/>
      <c r="Q94" s="255"/>
      <c r="R94" s="255"/>
      <c r="S94" s="255"/>
      <c r="T94" s="255"/>
      <c r="U94" s="255"/>
      <c r="V94" s="255"/>
      <c r="W94" s="250"/>
      <c r="X94" s="250"/>
      <c r="Y94" s="250"/>
      <c r="Z94" s="250"/>
    </row>
    <row r="95" spans="1:26">
      <c r="A95" s="45" t="s">
        <v>436</v>
      </c>
      <c r="B95" s="164">
        <v>10767</v>
      </c>
      <c r="C95" s="159">
        <v>4.12</v>
      </c>
      <c r="D95" s="86">
        <v>3.9199999999999999E-2</v>
      </c>
      <c r="E95" s="167">
        <v>0.16</v>
      </c>
      <c r="F95" s="94">
        <v>7.0670842622171217E-3</v>
      </c>
      <c r="G95" s="166">
        <v>0.41200000000000003</v>
      </c>
      <c r="H95" s="94">
        <v>9.4851544785253435E-3</v>
      </c>
      <c r="I95" s="166">
        <v>0.27700000000000002</v>
      </c>
      <c r="J95" s="94">
        <v>8.6248401091277519E-3</v>
      </c>
      <c r="K95" s="93">
        <v>0.151</v>
      </c>
      <c r="L95" s="94">
        <v>6.9023575547351628E-3</v>
      </c>
    </row>
    <row r="96" spans="1:26">
      <c r="A96" s="49" t="s">
        <v>437</v>
      </c>
      <c r="B96" s="165">
        <v>8855</v>
      </c>
      <c r="C96" s="161">
        <v>4.12</v>
      </c>
      <c r="D96" s="87">
        <v>3.9199999999999999E-2</v>
      </c>
      <c r="E96" s="169">
        <v>0.14699999999999999</v>
      </c>
      <c r="F96" s="97">
        <v>7.5277565493569645E-3</v>
      </c>
      <c r="G96" s="168">
        <v>0.39500000000000002</v>
      </c>
      <c r="H96" s="97">
        <v>1.0387784331419975E-2</v>
      </c>
      <c r="I96" s="168">
        <v>0.26300000000000001</v>
      </c>
      <c r="J96" s="97">
        <v>9.3563415436554651E-3</v>
      </c>
      <c r="K96" s="96">
        <v>0.19500000000000001</v>
      </c>
      <c r="L96" s="97">
        <v>8.4211041658892351E-3</v>
      </c>
    </row>
    <row r="97" spans="1:12">
      <c r="A97" s="45" t="s">
        <v>438</v>
      </c>
      <c r="B97" s="164">
        <v>1801</v>
      </c>
      <c r="C97" s="159">
        <v>3.95</v>
      </c>
      <c r="D97" s="86">
        <v>7.8399999999999997E-2</v>
      </c>
      <c r="E97" s="167">
        <v>0.15820000000000001</v>
      </c>
      <c r="F97" s="94">
        <v>1.7212375894735885E-2</v>
      </c>
      <c r="G97" s="166">
        <v>0.42830000000000001</v>
      </c>
      <c r="H97" s="94">
        <v>2.3295375160059667E-2</v>
      </c>
      <c r="I97" s="166">
        <v>0.33699999999999997</v>
      </c>
      <c r="J97" s="94">
        <v>2.2257551956224617E-2</v>
      </c>
      <c r="K97" s="93">
        <v>7.6499999999999999E-2</v>
      </c>
      <c r="L97" s="94">
        <v>1.2582517196983715E-2</v>
      </c>
    </row>
    <row r="98" spans="1:12">
      <c r="A98" s="49" t="s">
        <v>439</v>
      </c>
      <c r="B98" s="165">
        <v>3850</v>
      </c>
      <c r="C98" s="161">
        <v>4.04</v>
      </c>
      <c r="D98" s="87">
        <v>5.8799999999999998E-2</v>
      </c>
      <c r="E98" s="169">
        <v>0.15</v>
      </c>
      <c r="F98" s="97">
        <v>1.1514939160968247E-2</v>
      </c>
      <c r="G98" s="168">
        <v>0.375</v>
      </c>
      <c r="H98" s="97">
        <v>1.5597673139697036E-2</v>
      </c>
      <c r="I98" s="168">
        <v>0.28500000000000003</v>
      </c>
      <c r="J98" s="97">
        <v>1.4546273977401764E-2</v>
      </c>
      <c r="K98" s="96">
        <v>0.19</v>
      </c>
      <c r="L98" s="97">
        <v>1.2646623304108628E-2</v>
      </c>
    </row>
    <row r="99" spans="1:12">
      <c r="A99" s="45" t="s">
        <v>440</v>
      </c>
      <c r="B99" s="164">
        <v>3277</v>
      </c>
      <c r="C99" s="159">
        <v>4.09</v>
      </c>
      <c r="D99" s="86">
        <v>5.8799999999999998E-2</v>
      </c>
      <c r="E99" s="167">
        <v>0.14499999999999999</v>
      </c>
      <c r="F99" s="94">
        <v>1.2309237940710644E-2</v>
      </c>
      <c r="G99" s="166">
        <v>0.35799999999999998</v>
      </c>
      <c r="H99" s="94">
        <v>1.6741035823301376E-2</v>
      </c>
      <c r="I99" s="166">
        <v>0.26200000000000001</v>
      </c>
      <c r="J99" s="94">
        <v>1.5358919538389436E-2</v>
      </c>
      <c r="K99" s="93">
        <v>0.23400000000000001</v>
      </c>
      <c r="L99" s="94">
        <v>1.4789652545877262E-2</v>
      </c>
    </row>
    <row r="100" spans="1:12">
      <c r="A100" s="49" t="s">
        <v>452</v>
      </c>
      <c r="B100" s="165">
        <v>575</v>
      </c>
      <c r="C100" s="161">
        <v>4.26</v>
      </c>
      <c r="D100" s="87">
        <v>0.13720000000000002</v>
      </c>
      <c r="E100" s="169">
        <v>0.14399999999999999</v>
      </c>
      <c r="F100" s="97">
        <v>2.9387419110799669E-2</v>
      </c>
      <c r="G100" s="168">
        <v>0.38600000000000001</v>
      </c>
      <c r="H100" s="97">
        <v>4.0479248570423045E-2</v>
      </c>
      <c r="I100" s="168">
        <v>0.187</v>
      </c>
      <c r="J100" s="97">
        <v>3.2551800583162899E-2</v>
      </c>
      <c r="K100" s="96">
        <v>0.28199999999999997</v>
      </c>
      <c r="L100" s="97">
        <v>3.7460894281851405E-2</v>
      </c>
    </row>
    <row r="101" spans="1:12">
      <c r="A101" s="45" t="s">
        <v>441</v>
      </c>
      <c r="B101" s="164">
        <v>149</v>
      </c>
      <c r="C101" s="159">
        <v>4.1100000000000003</v>
      </c>
      <c r="D101" s="86">
        <v>0.25480000000000003</v>
      </c>
      <c r="E101" s="167">
        <v>6.5000000000000002E-2</v>
      </c>
      <c r="F101" s="94">
        <v>4.2943885798485265E-2</v>
      </c>
      <c r="G101" s="166">
        <v>0.44999999999999996</v>
      </c>
      <c r="H101" s="94">
        <v>8.046092872466272E-2</v>
      </c>
      <c r="I101" s="166">
        <v>0.14200000000000002</v>
      </c>
      <c r="J101" s="94">
        <v>5.7949670705471648E-2</v>
      </c>
      <c r="K101" s="93">
        <v>0.34300000000000003</v>
      </c>
      <c r="L101" s="94">
        <v>7.6972618688842295E-2</v>
      </c>
    </row>
    <row r="102" spans="1:12">
      <c r="A102" s="49" t="s">
        <v>442</v>
      </c>
      <c r="B102" s="165">
        <v>109</v>
      </c>
      <c r="C102" s="161">
        <v>3.71</v>
      </c>
      <c r="D102" s="87">
        <v>0.3332</v>
      </c>
      <c r="E102" s="169">
        <v>0.09</v>
      </c>
      <c r="F102" s="97">
        <v>5.7558050673232247E-2</v>
      </c>
      <c r="G102" s="168">
        <v>0.27899999999999997</v>
      </c>
      <c r="H102" s="97">
        <v>8.5093508262744338E-2</v>
      </c>
      <c r="I102" s="168">
        <v>0.26200000000000001</v>
      </c>
      <c r="J102" s="97">
        <v>8.3569740425585501E-2</v>
      </c>
      <c r="K102" s="96">
        <v>0.36899999999999999</v>
      </c>
      <c r="L102" s="97">
        <v>9.1018316687118531E-2</v>
      </c>
    </row>
    <row r="103" spans="1:12">
      <c r="A103" s="45" t="s">
        <v>443</v>
      </c>
      <c r="B103" s="164">
        <v>117</v>
      </c>
      <c r="C103" s="159">
        <v>4.95</v>
      </c>
      <c r="D103" s="86">
        <v>0.25480000000000003</v>
      </c>
      <c r="E103" s="167">
        <v>0.27300000000000002</v>
      </c>
      <c r="F103" s="94">
        <v>8.1681009058067952E-2</v>
      </c>
      <c r="G103" s="166">
        <v>0.45700000000000002</v>
      </c>
      <c r="H103" s="94">
        <v>9.0594223322466444E-2</v>
      </c>
      <c r="I103" s="166">
        <v>7.9000000000000001E-2</v>
      </c>
      <c r="J103" s="94">
        <v>5.2784833923363958E-2</v>
      </c>
      <c r="K103" s="93">
        <v>0.191</v>
      </c>
      <c r="L103" s="94">
        <v>7.2892414709513978E-2</v>
      </c>
    </row>
    <row r="104" spans="1:12">
      <c r="A104" s="49" t="s">
        <v>444</v>
      </c>
      <c r="B104" s="165">
        <v>82</v>
      </c>
      <c r="C104" s="161">
        <v>3.75</v>
      </c>
      <c r="D104" s="87">
        <v>0.37240000000000001</v>
      </c>
      <c r="E104" s="169">
        <v>0.13600000000000001</v>
      </c>
      <c r="F104" s="97">
        <v>7.7622394433401451E-2</v>
      </c>
      <c r="G104" s="168">
        <v>0.26</v>
      </c>
      <c r="H104" s="97">
        <v>9.5876260281271039E-2</v>
      </c>
      <c r="I104" s="168">
        <v>0.44</v>
      </c>
      <c r="J104" s="97">
        <v>0.10712459507994791</v>
      </c>
      <c r="K104" s="96">
        <v>0.16400000000000001</v>
      </c>
      <c r="L104" s="97">
        <v>8.2789090959792283E-2</v>
      </c>
    </row>
    <row r="105" spans="1:12">
      <c r="A105" s="45" t="s">
        <v>445</v>
      </c>
      <c r="B105" s="164">
        <v>122</v>
      </c>
      <c r="C105" s="159">
        <v>3.95</v>
      </c>
      <c r="D105" s="86">
        <v>0.3528</v>
      </c>
      <c r="E105" s="167">
        <v>0.10199999999999999</v>
      </c>
      <c r="F105" s="94">
        <v>5.6762875081256693E-2</v>
      </c>
      <c r="G105" s="166">
        <v>0.373</v>
      </c>
      <c r="H105" s="94">
        <v>8.6350854724310727E-2</v>
      </c>
      <c r="I105" s="166">
        <v>0.20900000000000002</v>
      </c>
      <c r="J105" s="94">
        <v>7.3594821467434776E-2</v>
      </c>
      <c r="K105" s="93">
        <v>0.317</v>
      </c>
      <c r="L105" s="94">
        <v>8.3305430594793048E-2</v>
      </c>
    </row>
    <row r="106" spans="1:12">
      <c r="A106" s="49" t="s">
        <v>453</v>
      </c>
      <c r="B106" s="165">
        <v>953</v>
      </c>
      <c r="C106" s="161">
        <v>4.1399999999999997</v>
      </c>
      <c r="D106" s="87">
        <v>0.1176</v>
      </c>
      <c r="E106" s="169">
        <v>0.14399999999999999</v>
      </c>
      <c r="F106" s="97">
        <v>2.2795371581203424E-2</v>
      </c>
      <c r="G106" s="168">
        <v>0.41200000000000003</v>
      </c>
      <c r="H106" s="97">
        <v>3.1825057348070382E-2</v>
      </c>
      <c r="I106" s="168">
        <v>0.252</v>
      </c>
      <c r="J106" s="97">
        <v>2.810705504893591E-2</v>
      </c>
      <c r="K106" s="96">
        <v>0.192</v>
      </c>
      <c r="L106" s="97">
        <v>2.5529081023034951E-2</v>
      </c>
    </row>
    <row r="107" spans="1:12">
      <c r="A107" s="45" t="s">
        <v>446</v>
      </c>
      <c r="B107" s="164">
        <v>104</v>
      </c>
      <c r="C107" s="159">
        <v>3.69</v>
      </c>
      <c r="D107" s="86">
        <v>0.3332</v>
      </c>
      <c r="E107" s="167">
        <v>0.06</v>
      </c>
      <c r="F107" s="94">
        <v>5.1090033625386402E-2</v>
      </c>
      <c r="G107" s="166">
        <v>0.27500000000000002</v>
      </c>
      <c r="H107" s="94">
        <v>8.6721255362726624E-2</v>
      </c>
      <c r="I107" s="166">
        <v>0.26100000000000001</v>
      </c>
      <c r="J107" s="94">
        <v>8.542526079344924E-2</v>
      </c>
      <c r="K107" s="93">
        <v>0.40500000000000003</v>
      </c>
      <c r="L107" s="94">
        <v>9.460074750036547E-2</v>
      </c>
    </row>
    <row r="108" spans="1:12">
      <c r="A108" s="49" t="s">
        <v>447</v>
      </c>
      <c r="B108" s="165">
        <v>198</v>
      </c>
      <c r="C108" s="161">
        <v>4.96</v>
      </c>
      <c r="D108" s="87">
        <v>0.19600000000000001</v>
      </c>
      <c r="E108" s="169">
        <v>0.29199999999999998</v>
      </c>
      <c r="F108" s="97">
        <v>6.4244653224574066E-2</v>
      </c>
      <c r="G108" s="168">
        <v>0.52500000000000002</v>
      </c>
      <c r="H108" s="97">
        <v>7.0275202646133669E-2</v>
      </c>
      <c r="I108" s="168">
        <v>9.6000000000000002E-2</v>
      </c>
      <c r="J108" s="97">
        <v>4.2956113916092054E-2</v>
      </c>
      <c r="K108" s="96">
        <v>8.6999999999999994E-2</v>
      </c>
      <c r="L108" s="97">
        <v>4.1295679699726549E-2</v>
      </c>
    </row>
    <row r="109" spans="1:12">
      <c r="A109" s="57" t="s">
        <v>448</v>
      </c>
      <c r="B109" s="164">
        <v>238</v>
      </c>
      <c r="C109" s="159">
        <v>3.79</v>
      </c>
      <c r="D109" s="86">
        <v>0.21559999999999999</v>
      </c>
      <c r="E109" s="167">
        <v>8.5000000000000006E-2</v>
      </c>
      <c r="F109" s="94">
        <v>3.7133072210389702E-2</v>
      </c>
      <c r="G109" s="166">
        <v>0.40100000000000002</v>
      </c>
      <c r="H109" s="94">
        <v>6.3051903362131706E-2</v>
      </c>
      <c r="I109" s="166">
        <v>0.32200000000000001</v>
      </c>
      <c r="J109" s="94">
        <v>6.0213771895968E-2</v>
      </c>
      <c r="K109" s="93">
        <v>0.191</v>
      </c>
      <c r="L109" s="94">
        <v>5.1046779837263835E-2</v>
      </c>
    </row>
    <row r="110" spans="1:12">
      <c r="A110" s="49" t="s">
        <v>449</v>
      </c>
      <c r="B110" s="165">
        <v>122</v>
      </c>
      <c r="C110" s="161">
        <v>3.69</v>
      </c>
      <c r="D110" s="87">
        <v>0.31359999999999999</v>
      </c>
      <c r="E110" s="169">
        <v>0.10100000000000001</v>
      </c>
      <c r="F110" s="97">
        <v>5.6553544106183282E-2</v>
      </c>
      <c r="G110" s="168">
        <v>0.311</v>
      </c>
      <c r="H110" s="97">
        <v>8.290576023030656E-2</v>
      </c>
      <c r="I110" s="168">
        <v>0.35099999999999998</v>
      </c>
      <c r="J110" s="97">
        <v>8.5298023367926815E-2</v>
      </c>
      <c r="K110" s="96">
        <v>0.23699999999999999</v>
      </c>
      <c r="L110" s="97">
        <v>7.6667282252812441E-2</v>
      </c>
    </row>
    <row r="111" spans="1:12">
      <c r="A111" s="57" t="s">
        <v>450</v>
      </c>
      <c r="B111" s="164">
        <v>127</v>
      </c>
      <c r="C111" s="159">
        <v>3.55</v>
      </c>
      <c r="D111" s="86">
        <v>0.29399999999999998</v>
      </c>
      <c r="E111" s="167">
        <v>7.6999999999999999E-2</v>
      </c>
      <c r="F111" s="94">
        <v>4.9986605224821894E-2</v>
      </c>
      <c r="G111" s="166">
        <v>0.34100000000000003</v>
      </c>
      <c r="H111" s="94">
        <v>8.3114802827808504E-2</v>
      </c>
      <c r="I111" s="166">
        <v>0.36099999999999999</v>
      </c>
      <c r="J111" s="94">
        <v>8.4137454699477282E-2</v>
      </c>
      <c r="K111" s="93">
        <v>0.221</v>
      </c>
      <c r="L111" s="94">
        <v>7.3482630042499442E-2</v>
      </c>
    </row>
    <row r="112" spans="1:12">
      <c r="A112" s="49" t="s">
        <v>451</v>
      </c>
      <c r="B112" s="165">
        <v>164</v>
      </c>
      <c r="C112" s="161">
        <v>4.24</v>
      </c>
      <c r="D112" s="87">
        <v>0.25480000000000003</v>
      </c>
      <c r="E112" s="169">
        <v>0.14000000000000001</v>
      </c>
      <c r="F112" s="97">
        <v>5.4880380565734466E-2</v>
      </c>
      <c r="G112" s="168">
        <v>0.439</v>
      </c>
      <c r="H112" s="97">
        <v>7.6602573788936854E-2</v>
      </c>
      <c r="I112" s="168">
        <v>0.2</v>
      </c>
      <c r="J112" s="97">
        <v>6.2532790232224605E-2</v>
      </c>
      <c r="K112" s="96">
        <v>0.22</v>
      </c>
      <c r="L112" s="97">
        <v>6.4602979602685309E-2</v>
      </c>
    </row>
    <row r="113" spans="1:12">
      <c r="A113" s="57" t="s">
        <v>457</v>
      </c>
      <c r="B113" s="164">
        <v>121</v>
      </c>
      <c r="C113" s="159">
        <v>3.72</v>
      </c>
      <c r="D113" s="86">
        <v>0.29399999999999998</v>
      </c>
      <c r="E113" s="167">
        <v>0.1</v>
      </c>
      <c r="F113" s="94">
        <v>5.6590079696003256E-2</v>
      </c>
      <c r="G113" s="166">
        <v>0.48099999999999998</v>
      </c>
      <c r="H113" s="94">
        <v>8.9382187815873024E-2</v>
      </c>
      <c r="I113" s="166">
        <v>0.35599999999999998</v>
      </c>
      <c r="J113" s="94">
        <v>8.5896657971960694E-2</v>
      </c>
      <c r="K113" s="93">
        <v>6.3E-2</v>
      </c>
      <c r="L113" s="94">
        <v>4.7684786251046565E-2</v>
      </c>
    </row>
    <row r="114" spans="1:12">
      <c r="A114" s="49" t="s">
        <v>460</v>
      </c>
      <c r="B114" s="165">
        <v>174</v>
      </c>
      <c r="C114" s="161">
        <v>3.96</v>
      </c>
      <c r="D114" s="87">
        <v>0.27440000000000003</v>
      </c>
      <c r="E114" s="169">
        <v>0.191</v>
      </c>
      <c r="F114" s="97">
        <v>5.9730116669010076E-2</v>
      </c>
      <c r="G114" s="168">
        <v>0.38400000000000001</v>
      </c>
      <c r="H114" s="97">
        <v>7.3000226095280965E-2</v>
      </c>
      <c r="I114" s="168">
        <v>0.36599999999999999</v>
      </c>
      <c r="J114" s="97">
        <v>7.2335352553769702E-2</v>
      </c>
      <c r="K114" s="96">
        <v>5.8999999999999997E-2</v>
      </c>
      <c r="L114" s="97">
        <v>3.797145846350846E-2</v>
      </c>
    </row>
    <row r="115" spans="1:12">
      <c r="A115" s="57" t="s">
        <v>458</v>
      </c>
      <c r="B115" s="164">
        <v>162</v>
      </c>
      <c r="C115" s="159">
        <v>3.99</v>
      </c>
      <c r="D115" s="86">
        <v>0.25480000000000003</v>
      </c>
      <c r="E115" s="167">
        <v>0.191</v>
      </c>
      <c r="F115" s="94">
        <v>6.1910361608090325E-2</v>
      </c>
      <c r="G115" s="166">
        <v>0.35399999999999998</v>
      </c>
      <c r="H115" s="94">
        <v>7.4396997652175986E-2</v>
      </c>
      <c r="I115" s="166">
        <v>0.37</v>
      </c>
      <c r="J115" s="94">
        <v>7.5075005881486884E-2</v>
      </c>
      <c r="K115" s="93">
        <v>8.5000000000000006E-2</v>
      </c>
      <c r="L115" s="94">
        <v>4.551578569010923E-2</v>
      </c>
    </row>
  </sheetData>
  <mergeCells count="13">
    <mergeCell ref="A3:D3"/>
    <mergeCell ref="A4:D4"/>
    <mergeCell ref="A5:D5"/>
    <mergeCell ref="B34:J34"/>
    <mergeCell ref="K34:S34"/>
    <mergeCell ref="A33:S33"/>
    <mergeCell ref="A32:S32"/>
    <mergeCell ref="A63:L63"/>
    <mergeCell ref="A62:L62"/>
    <mergeCell ref="A61:L61"/>
    <mergeCell ref="A92:L92"/>
    <mergeCell ref="A91:L91"/>
    <mergeCell ref="A90:L90"/>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1T23:59:48Z</dcterms:modified>
</cp:coreProperties>
</file>